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5\Lei de Responsabilidade Fiscal\Arquivos para publicação\2º Bimestre 2015 - Republicação\"/>
    </mc:Choice>
  </mc:AlternateContent>
  <bookViews>
    <workbookView xWindow="10980" yWindow="75" windowWidth="9495" windowHeight="7740" tabRatio="951"/>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1:$L$143</definedName>
    <definedName name="_xlnm.Print_Area" localSheetId="11">'Anexo 12 - Saúde (Estados)'!$A$1:$H$144</definedName>
    <definedName name="_xlnm.Print_Area" localSheetId="12">'Anexo 13 - Despesas PPP'!$A$1:$L$62</definedName>
    <definedName name="_xlnm.Print_Area" localSheetId="13">'Anexo 14 - Simplificado'!$A$1:$E$111</definedName>
    <definedName name="_xlnm.Print_Area" localSheetId="2">'Anexo 2 - Função'!$A$1:$L$197</definedName>
    <definedName name="_xlnm.Print_Area" localSheetId="3">'Anexo 2.1 - Função - Intra'!$A$1:$L$121</definedName>
    <definedName name="_xlnm.Print_Area" localSheetId="4">'Anexo 3 - RCL Estados'!$A$1:$H$91</definedName>
    <definedName name="_xlnm.Print_Area" localSheetId="5">'Anexo 4 - RPPS Financeiro FR 40'!$A$1:$I$143</definedName>
    <definedName name="_xlnm.Print_Area" localSheetId="6">'Anexo 4 - RPPS Previdenciário47'!$A$1:$I$142</definedName>
    <definedName name="_xlnm.Print_Area" localSheetId="7">'Anexo 5 - Resultado Nominal'!$A$1:$G$65</definedName>
    <definedName name="_xlnm.Print_Area" localSheetId="8">'Anexo 6 - Primário Estados'!$A$1:$H$92</definedName>
    <definedName name="_xlnm.Print_Area" localSheetId="9">'Anexo 7 - RP Poder e Órgão'!$A$1:$G$109</definedName>
    <definedName name="_xlnm.Print_Area" localSheetId="10">'Anexo 8 - MDE - Estados'!$A$1:$H$205</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9</definedName>
    <definedName name="Z_15F968AB_9DD6_4E60_9FDC_FEF44C5FFDCB_.wvu.PrintArea" localSheetId="11" hidden="1">'Anexo 12 - Saúde (Estados)'!$A$1:$H$144</definedName>
    <definedName name="Z_15F968AB_9DD6_4E60_9FDC_FEF44C5FFDCB_.wvu.PrintArea" localSheetId="12" hidden="1">'Anexo 13 - Despesas PPP'!$A$1:$L$62</definedName>
    <definedName name="Z_15F968AB_9DD6_4E60_9FDC_FEF44C5FFDCB_.wvu.PrintArea" localSheetId="13" hidden="1">'Anexo 14 - Simplificado'!$A$1:$E$91</definedName>
    <definedName name="Z_15F968AB_9DD6_4E60_9FDC_FEF44C5FFDCB_.wvu.PrintArea" localSheetId="2" hidden="1">'Anexo 2 - Função'!$A$1:$L$196</definedName>
    <definedName name="Z_15F968AB_9DD6_4E60_9FDC_FEF44C5FFDCB_.wvu.PrintArea" localSheetId="3" hidden="1">'Anexo 2.1 - Função - Intra'!$A$1:$L$122</definedName>
    <definedName name="Z_15F968AB_9DD6_4E60_9FDC_FEF44C5FFDCB_.wvu.PrintArea" localSheetId="4" hidden="1">'Anexo 3 - RCL Estados'!$A$1:$H$92</definedName>
    <definedName name="Z_15F968AB_9DD6_4E60_9FDC_FEF44C5FFDCB_.wvu.PrintArea" localSheetId="6" hidden="1">'Anexo 4 - RPPS Previdenciário47'!$A$1:$I$152</definedName>
    <definedName name="Z_15F968AB_9DD6_4E60_9FDC_FEF44C5FFDCB_.wvu.PrintArea" localSheetId="7" hidden="1">'Anexo 5 - Resultado Nominal'!$A$1:$G$64</definedName>
    <definedName name="Z_15F968AB_9DD6_4E60_9FDC_FEF44C5FFDCB_.wvu.PrintArea" localSheetId="8" hidden="1">'Anexo 6 - Primário Estados'!$A$1:$H$93</definedName>
    <definedName name="Z_15F968AB_9DD6_4E60_9FDC_FEF44C5FFDCB_.wvu.PrintArea" localSheetId="9" hidden="1">'Anexo 7 - RP Poder e Órgão'!$A$1:$G$89</definedName>
    <definedName name="Z_25EF1E0D_169B_4051_B414_7E1196FC05E4_.wvu.PrintArea" localSheetId="0" hidden="1">'Anexo 1 - Balanço Orçamentário'!$A$1:$L$143</definedName>
    <definedName name="Z_25EF1E0D_169B_4051_B414_7E1196FC05E4_.wvu.PrintArea" localSheetId="11" hidden="1">'Anexo 12 - Saúde (Estados)'!$A$1:$H$144</definedName>
    <definedName name="Z_25EF1E0D_169B_4051_B414_7E1196FC05E4_.wvu.PrintArea" localSheetId="12" hidden="1">'Anexo 13 - Despesas PPP'!$A$1:$L$62</definedName>
    <definedName name="Z_25EF1E0D_169B_4051_B414_7E1196FC05E4_.wvu.PrintArea" localSheetId="13" hidden="1">'Anexo 14 - Simplificado'!$A$1:$E$111</definedName>
    <definedName name="Z_25EF1E0D_169B_4051_B414_7E1196FC05E4_.wvu.PrintArea" localSheetId="2" hidden="1">'Anexo 2 - Função'!$A$1:$L$197</definedName>
    <definedName name="Z_25EF1E0D_169B_4051_B414_7E1196FC05E4_.wvu.PrintArea" localSheetId="3" hidden="1">'Anexo 2.1 - Função - Intra'!$A$1:$L$121</definedName>
    <definedName name="Z_25EF1E0D_169B_4051_B414_7E1196FC05E4_.wvu.PrintArea" localSheetId="4" hidden="1">'Anexo 3 - RCL Estados'!$A$1:$H$91</definedName>
    <definedName name="Z_25EF1E0D_169B_4051_B414_7E1196FC05E4_.wvu.PrintArea" localSheetId="5" hidden="1">'Anexo 4 - RPPS Financeiro FR 40'!$A$1:$I$143</definedName>
    <definedName name="Z_25EF1E0D_169B_4051_B414_7E1196FC05E4_.wvu.PrintArea" localSheetId="6" hidden="1">'Anexo 4 - RPPS Previdenciário47'!$A$1:$I$142</definedName>
    <definedName name="Z_25EF1E0D_169B_4051_B414_7E1196FC05E4_.wvu.PrintArea" localSheetId="7" hidden="1">'Anexo 5 - Resultado Nominal'!$A$1:$G$65</definedName>
    <definedName name="Z_25EF1E0D_169B_4051_B414_7E1196FC05E4_.wvu.PrintArea" localSheetId="8" hidden="1">'Anexo 6 - Primário Estados'!$A$1:$H$92</definedName>
    <definedName name="Z_25EF1E0D_169B_4051_B414_7E1196FC05E4_.wvu.PrintArea" localSheetId="9" hidden="1">'Anexo 7 - RP Poder e Órgão'!$A$1:$G$109</definedName>
    <definedName name="Z_25EF1E0D_169B_4051_B414_7E1196FC05E4_.wvu.PrintArea" localSheetId="10" hidden="1">'Anexo 8 - MDE - Estados'!$A$1:$H$205</definedName>
    <definedName name="Z_3AAF6A5F_F9AA_430B_9AD9_1261ECDF41B5_.wvu.PrintArea" localSheetId="0" hidden="1">'Anexo 1 - Balanço Orçamentário'!$A$2:$L$139</definedName>
    <definedName name="Z_3AAF6A5F_F9AA_430B_9AD9_1261ECDF41B5_.wvu.PrintArea" localSheetId="12" hidden="1">'Anexo 13 - Despesas PPP'!$A$1:$L$62</definedName>
    <definedName name="Z_3AAF6A5F_F9AA_430B_9AD9_1261ECDF41B5_.wvu.PrintArea" localSheetId="13" hidden="1">'Anexo 14 - Simplificado'!$A$3:$E$112</definedName>
    <definedName name="Z_3AAF6A5F_F9AA_430B_9AD9_1261ECDF41B5_.wvu.PrintArea" localSheetId="2" hidden="1">'Anexo 2 - Função'!$A$1:$L$168</definedName>
    <definedName name="Z_3AAF6A5F_F9AA_430B_9AD9_1261ECDF41B5_.wvu.PrintArea" localSheetId="4" hidden="1">'Anexo 3 - RCL Estados'!$A$1:$H$46</definedName>
    <definedName name="Z_3AAF6A5F_F9AA_430B_9AD9_1261ECDF41B5_.wvu.PrintArea" localSheetId="6" hidden="1">'Anexo 4 - RPPS Previdenciário47'!$A$3:$I$137</definedName>
    <definedName name="Z_3AAF6A5F_F9AA_430B_9AD9_1261ECDF41B5_.wvu.PrintArea" localSheetId="7" hidden="1">'Anexo 5 - Resultado Nominal'!$A$3:$G$66</definedName>
    <definedName name="Z_3AAF6A5F_F9AA_430B_9AD9_1261ECDF41B5_.wvu.PrintArea" localSheetId="8" hidden="1">'Anexo 6 - Primário Estados'!$A$2:$H$93</definedName>
    <definedName name="Z_3AAF6A5F_F9AA_430B_9AD9_1261ECDF41B5_.wvu.PrintArea" localSheetId="9" hidden="1">'Anexo 7 - RP Poder e Órgão'!$A$2:$G$111</definedName>
    <definedName name="Z_3AAF6A5F_F9AA_430B_9AD9_1261ECDF41B5_.wvu.PrintArea" localSheetId="10" hidden="1">'Anexo 8 - MDE - Estados'!$A$2:$H$204</definedName>
    <definedName name="Z_3AAF6A5F_F9AA_430B_9AD9_1261ECDF41B5_.wvu.Rows" localSheetId="0" hidden="1">'Anexo 1 - Balanço Orçamentário'!$77:$82,'Anexo 1 - Balanço Orçamentário'!$111:$116</definedName>
    <definedName name="Z_6DBFA32C_4AA4_4E1D_9A48_697377C64CC3_.wvu.Cols" localSheetId="8" hidden="1">'Anexo 6 - Primário Estados'!$H:$H</definedName>
    <definedName name="Z_6DBFA32C_4AA4_4E1D_9A48_697377C64CC3_.wvu.PrintArea" localSheetId="0" hidden="1">'Anexo 1 - Balanço Orçamentário'!$A$2:$L$143</definedName>
    <definedName name="Z_6DBFA32C_4AA4_4E1D_9A48_697377C64CC3_.wvu.PrintArea" localSheetId="11" hidden="1">'Anexo 12 - Saúde (Estados)'!$A$1:$H$143</definedName>
    <definedName name="Z_6DBFA32C_4AA4_4E1D_9A48_697377C64CC3_.wvu.PrintArea" localSheetId="12" hidden="1">'Anexo 13 - Despesas PPP'!$A$1:$L$62</definedName>
    <definedName name="Z_6DBFA32C_4AA4_4E1D_9A48_697377C64CC3_.wvu.PrintArea" localSheetId="13" hidden="1">'Anexo 14 - Simplificado'!$A$1:$E$111</definedName>
    <definedName name="Z_6DBFA32C_4AA4_4E1D_9A48_697377C64CC3_.wvu.PrintArea" localSheetId="2" hidden="1">'Anexo 2 - Função'!$A$1:$L$196</definedName>
    <definedName name="Z_6DBFA32C_4AA4_4E1D_9A48_697377C64CC3_.wvu.PrintArea" localSheetId="3" hidden="1">'Anexo 2.1 - Função - Intra'!$A$1:$L$122</definedName>
    <definedName name="Z_6DBFA32C_4AA4_4E1D_9A48_697377C64CC3_.wvu.PrintArea" localSheetId="4" hidden="1">'Anexo 3 - RCL Estados'!$A$1:$H$92</definedName>
    <definedName name="Z_6DBFA32C_4AA4_4E1D_9A48_697377C64CC3_.wvu.PrintArea" localSheetId="6" hidden="1">'Anexo 4 - RPPS Previdenciário47'!$A$1:$I$152</definedName>
    <definedName name="Z_6DBFA32C_4AA4_4E1D_9A48_697377C64CC3_.wvu.PrintArea" localSheetId="7" hidden="1">'Anexo 5 - Resultado Nominal'!$A$1:$G$64</definedName>
    <definedName name="Z_6DBFA32C_4AA4_4E1D_9A48_697377C64CC3_.wvu.PrintArea" localSheetId="8" hidden="1">'Anexo 6 - Primário Estados'!$A$1:$H$93</definedName>
    <definedName name="Z_6DBFA32C_4AA4_4E1D_9A48_697377C64CC3_.wvu.PrintArea" localSheetId="9" hidden="1">'Anexo 7 - RP Poder e Órgão'!$A$1:$G$109</definedName>
    <definedName name="Z_6DBFA32C_4AA4_4E1D_9A48_697377C64CC3_.wvu.PrintArea" localSheetId="10" hidden="1">'Anexo 8 - MDE - Estados'!$A$1:$H$204</definedName>
    <definedName name="Z_6DBFA32C_4AA4_4E1D_9A48_697377C64CC3_.wvu.Rows" localSheetId="0" hidden="1">'Anexo 1 - Balanço Orçamentário'!$111:$116</definedName>
    <definedName name="Z_82EDB5A4_4824_4632_A540_7A52C92F04C7_.wvu.PrintArea" localSheetId="0" hidden="1">'Anexo 1 - Balanço Orçamentário'!$A$2:$L$143</definedName>
    <definedName name="Z_82EDB5A4_4824_4632_A540_7A52C92F04C7_.wvu.PrintArea" localSheetId="11" hidden="1">'Anexo 12 - Saúde (Estados)'!$A$2:$H$151</definedName>
    <definedName name="Z_82EDB5A4_4824_4632_A540_7A52C92F04C7_.wvu.PrintArea" localSheetId="12" hidden="1">'Anexo 13 - Despesas PPP'!$A$1:$L$62</definedName>
    <definedName name="Z_82EDB5A4_4824_4632_A540_7A52C92F04C7_.wvu.PrintArea" localSheetId="13" hidden="1">'Anexo 14 - Simplificado'!$A$3:$E$112</definedName>
    <definedName name="Z_82EDB5A4_4824_4632_A540_7A52C92F04C7_.wvu.PrintArea" localSheetId="2" hidden="1">'Anexo 2 - Função'!$A$1:$L$197</definedName>
    <definedName name="Z_82EDB5A4_4824_4632_A540_7A52C92F04C7_.wvu.PrintArea" localSheetId="4" hidden="1">'Anexo 3 - RCL Estados'!$A$3:$H$93</definedName>
    <definedName name="Z_82EDB5A4_4824_4632_A540_7A52C92F04C7_.wvu.PrintArea" localSheetId="6" hidden="1">'Anexo 4 - RPPS Previdenciário47'!$A$3:$I$142</definedName>
    <definedName name="Z_82EDB5A4_4824_4632_A540_7A52C92F04C7_.wvu.PrintArea" localSheetId="7" hidden="1">'Anexo 5 - Resultado Nominal'!$A$2:$G$63</definedName>
    <definedName name="Z_82EDB5A4_4824_4632_A540_7A52C92F04C7_.wvu.PrintArea" localSheetId="8" hidden="1">'Anexo 6 - Primário Estados'!$A$2:$H$93</definedName>
    <definedName name="Z_82EDB5A4_4824_4632_A540_7A52C92F04C7_.wvu.PrintArea" localSheetId="9" hidden="1">'Anexo 7 - RP Poder e Órgão'!$A$2:$G$111</definedName>
    <definedName name="Z_82EDB5A4_4824_4632_A540_7A52C92F04C7_.wvu.PrintArea" localSheetId="10" hidden="1">'Anexo 8 - MDE - Estados'!$A$2:$H$207</definedName>
    <definedName name="Z_82EDB5A4_4824_4632_A540_7A52C92F04C7_.wvu.Rows" localSheetId="0" hidden="1">'Anexo 1 - Balanço Orçamentário'!$77:$82,'Anexo 1 - Balanço Orçamentário'!$111:$116</definedName>
    <definedName name="Z_C779D862_DE28_46CD_A428_4AAA1056D1E1_.wvu.PrintArea" localSheetId="0" hidden="1">'Anexo 1 - Balanço Orçamentário'!$A$2:$L$143</definedName>
    <definedName name="Z_C779D862_DE28_46CD_A428_4AAA1056D1E1_.wvu.PrintArea" localSheetId="11" hidden="1">'Anexo 12 - Saúde (Estados)'!$A$2:$H$151</definedName>
    <definedName name="Z_C779D862_DE28_46CD_A428_4AAA1056D1E1_.wvu.PrintArea" localSheetId="12" hidden="1">'Anexo 13 - Despesas PPP'!$A$1:$L$62</definedName>
    <definedName name="Z_C779D862_DE28_46CD_A428_4AAA1056D1E1_.wvu.PrintArea" localSheetId="13" hidden="1">'Anexo 14 - Simplificado'!$A$3:$E$112</definedName>
    <definedName name="Z_C779D862_DE28_46CD_A428_4AAA1056D1E1_.wvu.PrintArea" localSheetId="2" hidden="1">'Anexo 2 - Função'!$A$1:$L$197</definedName>
    <definedName name="Z_C779D862_DE28_46CD_A428_4AAA1056D1E1_.wvu.PrintArea" localSheetId="4" hidden="1">'Anexo 3 - RCL Estados'!$A$3:$H$93</definedName>
    <definedName name="Z_C779D862_DE28_46CD_A428_4AAA1056D1E1_.wvu.PrintArea" localSheetId="6" hidden="1">'Anexo 4 - RPPS Previdenciário47'!$A$3:$I$142</definedName>
    <definedName name="Z_C779D862_DE28_46CD_A428_4AAA1056D1E1_.wvu.PrintArea" localSheetId="7" hidden="1">'Anexo 5 - Resultado Nominal'!$A$2:$G$63</definedName>
    <definedName name="Z_C779D862_DE28_46CD_A428_4AAA1056D1E1_.wvu.PrintArea" localSheetId="8" hidden="1">'Anexo 6 - Primário Estados'!$A$2:$H$93</definedName>
    <definedName name="Z_C779D862_DE28_46CD_A428_4AAA1056D1E1_.wvu.PrintArea" localSheetId="9" hidden="1">'Anexo 7 - RP Poder e Órgão'!$A$2:$G$111</definedName>
    <definedName name="Z_C779D862_DE28_46CD_A428_4AAA1056D1E1_.wvu.PrintArea" localSheetId="10" hidden="1">'Anexo 8 - MDE - Estados'!$A$2:$H$207</definedName>
    <definedName name="Z_C779D862_DE28_46CD_A428_4AAA1056D1E1_.wvu.Rows" localSheetId="0" hidden="1">'Anexo 1 - Balanço Orçamentário'!$77:$82,'Anexo 1 - Balanço Orçamentário'!$111:$116</definedName>
    <definedName name="Z_D5976633_8ECB_4B00_B200_C7467CF5B10F_.wvu.Cols" localSheetId="8" hidden="1">'Anexo 6 - Primário Estados'!$H:$H</definedName>
    <definedName name="Z_D5976633_8ECB_4B00_B200_C7467CF5B10F_.wvu.PrintArea" localSheetId="0" hidden="1">'Anexo 1 - Balanço Orçamentário'!$A$2:$L$139</definedName>
    <definedName name="Z_D5976633_8ECB_4B00_B200_C7467CF5B10F_.wvu.PrintArea" localSheetId="13" hidden="1">'Anexo 14 - Simplificado'!$A$1:$E$91</definedName>
    <definedName name="Z_D5976633_8ECB_4B00_B200_C7467CF5B10F_.wvu.PrintArea" localSheetId="2" hidden="1">'Anexo 2 - Função'!$A$1:$L$168</definedName>
    <definedName name="Z_D5976633_8ECB_4B00_B200_C7467CF5B10F_.wvu.PrintArea" localSheetId="4" hidden="1">'Anexo 3 - RCL Estados'!$A$1:$H$92</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ustomWorkbookViews>
    <customWorkbookView name="sandrade - Modo de exibição pessoal" guid="{6DBFA32C-4AA4-4E1D-9A48-697377C64CC3}" mergeInterval="0" personalView="1" maximized="1" xWindow="1" yWindow="1" windowWidth="1362" windowHeight="538" tabRatio="892" activeSheetId="12"/>
    <customWorkbookView name="natalino gonçalves de almeida - Modo de exibição pessoal" guid="{D5976633-8ECB-4B00-B200-C7467CF5B10F}" mergeInterval="0" personalView="1" maximized="1" windowWidth="1362" windowHeight="543" tabRatio="951" activeSheetId="11"/>
    <customWorkbookView name="cdainese - Modo de exibição pessoal" guid="{15F968AB-9DD6-4E60-9FDC-FEF44C5FFDCB}" mergeInterval="0" personalView="1" maximized="1" xWindow="1" yWindow="1" windowWidth="1362" windowHeight="538" tabRatio="951" activeSheetId="9"/>
    <customWorkbookView name="vyasunaka - Modo de exibição pessoal" guid="{82EDB5A4-4824-4632-A540-7A52C92F04C7}" mergeInterval="0" personalView="1" maximized="1" xWindow="1" yWindow="1" windowWidth="1362" windowHeight="492" tabRatio="907" activeSheetId="9"/>
    <customWorkbookView name="rooliveira - Modo de exibição pessoal" guid="{3AAF6A5F-F9AA-430B-9AD9-1261ECDF41B5}" mergeInterval="0" personalView="1" maximized="1" xWindow="1" yWindow="1" windowWidth="1362" windowHeight="496" tabRatio="951" activeSheetId="6"/>
    <customWorkbookView name="CLÁUDIO JOSÉ DAINESE - Modo de exibição pessoal" guid="{C779D862-DE28-46CD-A428-4AAA1056D1E1}" mergeInterval="0" personalView="1" maximized="1" xWindow="-8" yWindow="-8" windowWidth="1382" windowHeight="744" tabRatio="899" activeSheetId="1" showComments="commIndAndComment"/>
    <customWorkbookView name="JOSE CARLOS BERNARDI - Modo de exibição pessoal" guid="{25EF1E0D-169B-4051-B414-7E1196FC05E4}" mergeInterval="0" personalView="1" maximized="1" xWindow="1" yWindow="1" windowWidth="1362" windowHeight="496" tabRatio="951" activeSheetId="11"/>
  </customWorkbookViews>
</workbook>
</file>

<file path=xl/sharedStrings.xml><?xml version="1.0" encoding="utf-8"?>
<sst xmlns="http://schemas.openxmlformats.org/spreadsheetml/2006/main" count="1712" uniqueCount="884">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Resultado Apurad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Saldo Final (Não Aplicado)</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Compensações Financeiras Provenientes de Impostos e Transferências Constitucionais</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Demais Despesas Correntes</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Transferências Constitucionais e Legais</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MAI/2014</t>
  </si>
  <si>
    <t>JUN/2014</t>
  </si>
  <si>
    <t>JUL/2014</t>
  </si>
  <si>
    <t>AGO/2014</t>
  </si>
  <si>
    <t>SET/2014</t>
  </si>
  <si>
    <t>OUT/2014</t>
  </si>
  <si>
    <t>NOV/2014</t>
  </si>
  <si>
    <t>DEZ/2014</t>
  </si>
  <si>
    <t>JAN/2015</t>
  </si>
  <si>
    <t>FEV/2015</t>
  </si>
  <si>
    <t>PLANO PREVIDENCIÁRIO - ORÇAMENTO DA SEGURIDADE SOCIAL</t>
  </si>
  <si>
    <t xml:space="preserve"> Em 2015</t>
  </si>
  <si>
    <t>Em 2014</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Em 31/Dez/2014</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Inscritos em 2014</t>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CANCELADO EM 2015 (j)</t>
  </si>
  <si>
    <t>52- SALDO FINANCEIRO EM 31 DE DEZEMBRO DE 2014</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GISTROS EFETUADOS EM 2015</t>
  </si>
  <si>
    <t>Em 28/FEV/2015</t>
  </si>
  <si>
    <t>RECEITA RESULTANTE DE IMPOSTOS</t>
  </si>
  <si>
    <t>(caput do art. 212 da Constituição)</t>
  </si>
  <si>
    <t>JANEIRO A ABRIL DE 2015 - BIMESTRE MARÇO-ABRIL</t>
  </si>
  <si>
    <t>MAIO 2014 A ABRIL 2015</t>
  </si>
  <si>
    <t>Em 30/ABR/2015</t>
  </si>
  <si>
    <t/>
  </si>
  <si>
    <t>RECEITAS ADICIONAIS PARA FINANCIAMENTO DO ENSINO</t>
  </si>
  <si>
    <t xml:space="preserve">   Promoção Comercial</t>
  </si>
  <si>
    <t>MAR/2015</t>
  </si>
  <si>
    <t>ABR/2015</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    Alienação de Bens (V)</t>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43" formatCode="_-* #,##0.00_-;\-* #,##0.00_-;_-* &quot;-&quot;??_-;_-@_-"/>
    <numFmt numFmtId="164" formatCode="&quot;R$ &quot;#,##0.00_);[Red]\(&quot;R$ &quot;#,##0.00\)"/>
    <numFmt numFmtId="165" formatCode="_(* #,##0.00_);_(* \(#,##0.00\);_(* &quot;-&quot;??_);_(@_)"/>
    <numFmt numFmtId="166" formatCode="#,##0.0_);\(#,##0.0\)"/>
    <numFmt numFmtId="167" formatCode="&quot;R$&quot;\ #,##0.00"/>
  </numFmts>
  <fonts count="24"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s>
  <fills count="6">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
      <patternFill patternType="solid">
        <fgColor indexed="9"/>
        <bgColor indexed="64"/>
      </patternFill>
    </fill>
  </fills>
  <borders count="17">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42"/>
      </left>
      <right style="thin">
        <color indexed="42"/>
      </right>
      <top style="thin">
        <color indexed="42"/>
      </top>
      <bottom style="thin">
        <color indexed="42"/>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148">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4" fillId="3" borderId="4"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49" fontId="5" fillId="2" borderId="12" xfId="0" applyNumberFormat="1" applyFont="1" applyFill="1" applyBorder="1" applyAlignment="1">
      <alignment vertical="center"/>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8" xfId="0" applyFont="1" applyFill="1" applyBorder="1" applyAlignment="1">
      <alignment vertical="center"/>
    </xf>
    <xf numFmtId="0" fontId="4" fillId="0" borderId="3" xfId="0" applyFont="1" applyFill="1" applyBorder="1" applyAlignment="1">
      <alignment vertical="center"/>
    </xf>
    <xf numFmtId="3" fontId="4" fillId="0" borderId="5" xfId="0" applyNumberFormat="1"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4" fillId="2" borderId="7"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49" fontId="5" fillId="2" borderId="6" xfId="0" applyNumberFormat="1" applyFont="1" applyFill="1" applyBorder="1" applyAlignment="1">
      <alignment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37" fontId="4" fillId="0" borderId="2" xfId="0" applyNumberFormat="1"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2" xfId="0" applyNumberFormat="1" applyFont="1" applyFill="1" applyBorder="1" applyAlignment="1">
      <alignment horizontal="center" vertical="center"/>
    </xf>
    <xf numFmtId="9" fontId="4" fillId="0" borderId="13" xfId="0" applyNumberFormat="1" applyFont="1" applyFill="1" applyBorder="1" applyAlignment="1">
      <alignment horizontal="center" vertical="center"/>
    </xf>
    <xf numFmtId="0" fontId="5" fillId="0" borderId="11"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11" xfId="1" applyFont="1" applyFill="1" applyBorder="1" applyAlignment="1">
      <alignment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1"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3" borderId="6" xfId="1" applyFont="1" applyFill="1" applyBorder="1" applyAlignment="1">
      <alignment vertical="center" wrapText="1"/>
    </xf>
    <xf numFmtId="0" fontId="4" fillId="3" borderId="3" xfId="1" applyFont="1" applyFill="1" applyBorder="1" applyAlignment="1">
      <alignment vertical="center" wrapText="1"/>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5" fillId="2" borderId="10"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0" fontId="5" fillId="0" borderId="14" xfId="0"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2" xfId="0" applyFont="1" applyFill="1" applyBorder="1" applyAlignment="1">
      <alignment vertical="center"/>
    </xf>
    <xf numFmtId="0" fontId="5" fillId="0" borderId="8" xfId="0"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37" fontId="5" fillId="0" borderId="2" xfId="0" applyNumberFormat="1" applyFont="1" applyFill="1" applyBorder="1" applyAlignment="1">
      <alignmen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37" fontId="5" fillId="0" borderId="14" xfId="0" applyNumberFormat="1" applyFont="1" applyFill="1" applyBorder="1" applyAlignment="1">
      <alignmen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165" fontId="5" fillId="0" borderId="2" xfId="3" applyFont="1" applyFill="1" applyBorder="1" applyAlignment="1">
      <alignment horizontal="center" vertical="center" wrapText="1"/>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0"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165" fontId="4" fillId="0" borderId="2" xfId="3" applyFont="1" applyFill="1" applyBorder="1" applyAlignment="1">
      <alignment horizontal="center" vertical="center" wrapText="1"/>
    </xf>
    <xf numFmtId="165" fontId="5" fillId="2" borderId="15" xfId="3" applyFont="1" applyFill="1" applyBorder="1" applyAlignment="1">
      <alignment horizontal="center" vertical="center" wrapText="1"/>
    </xf>
    <xf numFmtId="0" fontId="5" fillId="2" borderId="13" xfId="1" applyFont="1" applyFill="1" applyBorder="1" applyAlignment="1">
      <alignment horizontal="center" vertical="center"/>
    </xf>
    <xf numFmtId="0" fontId="5" fillId="2" borderId="13" xfId="1" applyFont="1" applyFill="1" applyBorder="1" applyAlignment="1">
      <alignment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4" fontId="4" fillId="0" borderId="0" xfId="0" applyNumberFormat="1" applyFont="1" applyFill="1" applyAlignment="1">
      <alignment horizontal="right" vertical="center"/>
    </xf>
    <xf numFmtId="164" fontId="4" fillId="0" borderId="7" xfId="0" applyNumberFormat="1" applyFont="1" applyFill="1" applyBorder="1" applyAlignment="1">
      <alignment horizontal="righ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4" fillId="0" borderId="8" xfId="3"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4" xfId="1" applyFont="1" applyFill="1" applyBorder="1" applyAlignment="1">
      <alignment vertical="center"/>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6" xfId="1" applyFont="1" applyFill="1" applyBorder="1" applyAlignment="1">
      <alignment horizontal="left" vertical="center" wrapText="1"/>
    </xf>
    <xf numFmtId="0" fontId="5" fillId="0" borderId="3" xfId="1" applyFont="1" applyFill="1" applyBorder="1" applyAlignment="1">
      <alignment horizontal="left" vertical="center" wrapText="1"/>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4" xfId="1" applyFont="1" applyFill="1" applyBorder="1" applyAlignment="1">
      <alignment horizontal="left" vertical="center" wrapText="1"/>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1"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5" fillId="2" borderId="7" xfId="1" applyFont="1" applyFill="1" applyBorder="1" applyAlignment="1">
      <alignment horizontal="center" vertical="center" wrapText="1"/>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0" fontId="5" fillId="0" borderId="5" xfId="0" applyFont="1" applyFill="1" applyBorder="1" applyAlignment="1">
      <alignment vertical="center"/>
    </xf>
    <xf numFmtId="0" fontId="8" fillId="2" borderId="9" xfId="0" applyFont="1" applyFill="1" applyBorder="1" applyAlignment="1">
      <alignment vertical="center"/>
    </xf>
    <xf numFmtId="0" fontId="5" fillId="0" borderId="9"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165" fontId="4" fillId="0" borderId="8" xfId="3" applyFont="1" applyFill="1" applyBorder="1" applyAlignment="1">
      <alignment horizontal="center" vertical="center" wrapText="1"/>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43" fontId="4" fillId="0" borderId="2" xfId="0" applyNumberFormat="1" applyFont="1" applyFill="1" applyBorder="1" applyAlignment="1">
      <alignment horizontal="center" vertical="center" wrapText="1"/>
    </xf>
    <xf numFmtId="43" fontId="5" fillId="0" borderId="14" xfId="5" applyFont="1" applyFill="1" applyBorder="1" applyAlignment="1">
      <alignment vertical="center"/>
    </xf>
    <xf numFmtId="43" fontId="5" fillId="0" borderId="11" xfId="5" applyFont="1" applyFill="1" applyBorder="1" applyAlignment="1">
      <alignment vertical="center"/>
    </xf>
    <xf numFmtId="43" fontId="4" fillId="0" borderId="2" xfId="5" applyFont="1" applyFill="1" applyBorder="1" applyAlignment="1">
      <alignment vertical="center"/>
    </xf>
    <xf numFmtId="43" fontId="4" fillId="0" borderId="8" xfId="5" applyFont="1" applyFill="1" applyBorder="1" applyAlignment="1">
      <alignmen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5" fillId="0" borderId="11" xfId="5" applyFont="1" applyFill="1" applyBorder="1" applyAlignment="1">
      <alignment horizontal="center" vertical="center" wrapText="1"/>
    </xf>
    <xf numFmtId="43" fontId="5" fillId="0" borderId="8" xfId="5" applyFont="1" applyFill="1" applyBorder="1" applyAlignment="1">
      <alignment vertical="center" wrapText="1"/>
    </xf>
    <xf numFmtId="43" fontId="5" fillId="0" borderId="8" xfId="5" applyFont="1" applyFill="1" applyBorder="1" applyAlignment="1">
      <alignment horizontal="center" vertical="center" wrapText="1"/>
    </xf>
    <xf numFmtId="43" fontId="5" fillId="0" borderId="15" xfId="5" applyFont="1" applyFill="1" applyBorder="1" applyAlignment="1">
      <alignment vertical="center"/>
    </xf>
    <xf numFmtId="43" fontId="4" fillId="0" borderId="10" xfId="5" applyFont="1" applyFill="1" applyBorder="1" applyAlignment="1">
      <alignment vertical="center"/>
    </xf>
    <xf numFmtId="43" fontId="4" fillId="0" borderId="0" xfId="5" applyFont="1" applyFill="1" applyAlignment="1">
      <alignment vertical="center"/>
    </xf>
    <xf numFmtId="43" fontId="4" fillId="0" borderId="8" xfId="5" applyFont="1" applyFill="1" applyBorder="1" applyAlignment="1">
      <alignment horizontal="center" vertical="center" wrapText="1"/>
    </xf>
    <xf numFmtId="43" fontId="4" fillId="0" borderId="13" xfId="5" applyFont="1" applyFill="1" applyBorder="1" applyAlignment="1">
      <alignment vertical="center"/>
    </xf>
    <xf numFmtId="43" fontId="5" fillId="0" borderId="2" xfId="5" applyFont="1" applyFill="1" applyBorder="1" applyAlignment="1">
      <alignment horizontal="center" vertical="center" wrapText="1"/>
    </xf>
    <xf numFmtId="43" fontId="5" fillId="0" borderId="2" xfId="5" applyFont="1" applyFill="1" applyBorder="1" applyAlignment="1">
      <alignment vertical="center"/>
    </xf>
    <xf numFmtId="43" fontId="4" fillId="0" borderId="2" xfId="5" applyFont="1" applyFill="1" applyBorder="1" applyAlignment="1">
      <alignment horizontal="center" vertical="center" wrapText="1"/>
    </xf>
    <xf numFmtId="43" fontId="4" fillId="0" borderId="1" xfId="5" applyFont="1" applyFill="1" applyBorder="1" applyAlignment="1">
      <alignment vertical="center"/>
    </xf>
    <xf numFmtId="43" fontId="5" fillId="0" borderId="1" xfId="5" applyFont="1" applyFill="1" applyBorder="1" applyAlignment="1">
      <alignment horizontal="center" vertical="center" wrapText="1"/>
    </xf>
    <xf numFmtId="43" fontId="4" fillId="0" borderId="0" xfId="5" applyFont="1" applyFill="1" applyBorder="1" applyAlignment="1">
      <alignment vertical="center"/>
    </xf>
    <xf numFmtId="43" fontId="4" fillId="0" borderId="0" xfId="5" applyFont="1" applyFill="1" applyAlignment="1">
      <alignment horizontal="center" vertical="center"/>
    </xf>
    <xf numFmtId="43" fontId="4" fillId="0" borderId="7" xfId="5" applyFont="1" applyFill="1" applyBorder="1" applyAlignment="1">
      <alignment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3" xfId="5" applyFont="1" applyFill="1" applyBorder="1" applyAlignment="1">
      <alignment horizontal="center" vertical="center"/>
    </xf>
    <xf numFmtId="43" fontId="5" fillId="2" borderId="1" xfId="5" applyFont="1" applyFill="1" applyBorder="1" applyAlignment="1">
      <alignment horizontal="center" vertical="center"/>
    </xf>
    <xf numFmtId="43" fontId="4" fillId="3" borderId="8" xfId="5" applyFont="1" applyFill="1" applyBorder="1" applyAlignment="1">
      <alignment horizontal="center" vertical="center" wrapText="1"/>
    </xf>
    <xf numFmtId="43" fontId="5" fillId="0" borderId="8" xfId="5" applyFont="1" applyFill="1" applyBorder="1" applyAlignment="1">
      <alignment vertical="center"/>
    </xf>
    <xf numFmtId="43" fontId="5" fillId="2" borderId="10" xfId="5" applyFont="1" applyFill="1" applyBorder="1" applyAlignment="1">
      <alignment vertical="center"/>
    </xf>
    <xf numFmtId="43" fontId="5" fillId="2" borderId="15" xfId="5" applyFont="1" applyFill="1" applyBorder="1" applyAlignment="1">
      <alignment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5" fillId="2" borderId="15"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3" fontId="4" fillId="0" borderId="14" xfId="5" applyFont="1" applyFill="1" applyBorder="1" applyAlignment="1">
      <alignment vertical="center"/>
    </xf>
    <xf numFmtId="43" fontId="4" fillId="0" borderId="4" xfId="5" applyFont="1" applyFill="1" applyBorder="1" applyAlignment="1">
      <alignment vertical="center"/>
    </xf>
    <xf numFmtId="43" fontId="4" fillId="0" borderId="2" xfId="5" applyFont="1" applyBorder="1"/>
    <xf numFmtId="43" fontId="5" fillId="2" borderId="5" xfId="5" applyFont="1" applyFill="1" applyBorder="1" applyAlignment="1">
      <alignment vertical="center"/>
    </xf>
    <xf numFmtId="43" fontId="4" fillId="0" borderId="5" xfId="5" applyFont="1" applyFill="1" applyBorder="1" applyAlignment="1">
      <alignment vertical="center"/>
    </xf>
    <xf numFmtId="165" fontId="5" fillId="0" borderId="12" xfId="3" applyFont="1" applyFill="1" applyBorder="1" applyAlignment="1">
      <alignment horizontal="center"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49" fontId="5" fillId="0" borderId="2" xfId="5" applyNumberFormat="1" applyFont="1" applyFill="1" applyBorder="1" applyAlignment="1">
      <alignment horizontal="right"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43" fontId="5" fillId="0" borderId="8" xfId="0" applyNumberFormat="1" applyFont="1" applyFill="1" applyBorder="1" applyAlignment="1">
      <alignment vertical="center"/>
    </xf>
    <xf numFmtId="43" fontId="5" fillId="0" borderId="0" xfId="5" applyFont="1" applyFill="1" applyBorder="1" applyAlignment="1">
      <alignment vertical="center"/>
    </xf>
    <xf numFmtId="43" fontId="5" fillId="2" borderId="11" xfId="5" applyFont="1" applyFill="1" applyBorder="1" applyAlignment="1">
      <alignment vertical="center"/>
    </xf>
    <xf numFmtId="43" fontId="5" fillId="0" borderId="6" xfId="5" applyFont="1" applyFill="1" applyBorder="1" applyAlignment="1">
      <alignment horizontal="left" vertical="center" wrapText="1"/>
    </xf>
    <xf numFmtId="43" fontId="5" fillId="0" borderId="3" xfId="5" applyFont="1" applyFill="1" applyBorder="1" applyAlignment="1">
      <alignment horizontal="left" vertical="center" wrapText="1"/>
    </xf>
    <xf numFmtId="43" fontId="5" fillId="2" borderId="12" xfId="1" applyNumberFormat="1" applyFont="1" applyFill="1" applyBorder="1" applyAlignment="1">
      <alignment horizontal="left" vertical="center" wrapText="1"/>
    </xf>
    <xf numFmtId="43" fontId="5" fillId="2" borderId="1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wrapText="1"/>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wrapText="1"/>
    </xf>
    <xf numFmtId="43" fontId="5" fillId="0" borderId="2" xfId="1" applyNumberFormat="1" applyFont="1" applyFill="1" applyBorder="1" applyAlignment="1">
      <alignment vertical="center"/>
    </xf>
    <xf numFmtId="43" fontId="5" fillId="0" borderId="2" xfId="1" applyNumberFormat="1" applyFont="1" applyFill="1" applyBorder="1" applyAlignment="1">
      <alignment vertical="center" wrapText="1"/>
    </xf>
    <xf numFmtId="43" fontId="4" fillId="0" borderId="2" xfId="1" applyNumberFormat="1" applyFont="1" applyFill="1" applyBorder="1" applyAlignment="1">
      <alignment vertical="center"/>
    </xf>
    <xf numFmtId="43" fontId="4" fillId="0" borderId="8" xfId="1" applyNumberFormat="1" applyFont="1" applyFill="1" applyBorder="1" applyAlignment="1">
      <alignment horizontal="center" vertical="center"/>
    </xf>
    <xf numFmtId="43" fontId="5" fillId="0" borderId="11" xfId="1" applyNumberFormat="1" applyFont="1" applyFill="1" applyBorder="1" applyAlignment="1">
      <alignment vertical="center"/>
    </xf>
    <xf numFmtId="43" fontId="5" fillId="0" borderId="8" xfId="1" applyNumberFormat="1" applyFont="1" applyFill="1" applyBorder="1" applyAlignment="1">
      <alignment vertical="center"/>
    </xf>
    <xf numFmtId="43" fontId="5" fillId="0" borderId="1" xfId="1" applyNumberFormat="1" applyFont="1" applyFill="1" applyBorder="1" applyAlignment="1">
      <alignment vertical="center"/>
    </xf>
    <xf numFmtId="43" fontId="5" fillId="2" borderId="15" xfId="1" applyNumberFormat="1" applyFont="1" applyFill="1" applyBorder="1" applyAlignment="1">
      <alignment vertical="center"/>
    </xf>
    <xf numFmtId="43" fontId="5" fillId="0" borderId="14" xfId="1" applyNumberFormat="1" applyFont="1" applyFill="1" applyBorder="1" applyAlignment="1">
      <alignment vertical="center"/>
    </xf>
    <xf numFmtId="43" fontId="5" fillId="0" borderId="2" xfId="1" applyNumberFormat="1" applyFont="1" applyFill="1" applyBorder="1" applyAlignment="1">
      <alignment horizontal="center" vertical="center"/>
    </xf>
    <xf numFmtId="43" fontId="4" fillId="0" borderId="2" xfId="1" applyNumberFormat="1" applyFont="1" applyFill="1" applyBorder="1" applyAlignment="1">
      <alignment horizontal="center" vertical="center"/>
    </xf>
    <xf numFmtId="43" fontId="5" fillId="0" borderId="11" xfId="1" applyNumberFormat="1" applyFont="1" applyBorder="1" applyAlignment="1">
      <alignment vertical="center"/>
    </xf>
    <xf numFmtId="43" fontId="4" fillId="0" borderId="8" xfId="1" applyNumberFormat="1" applyFont="1" applyBorder="1" applyAlignment="1">
      <alignment vertical="center"/>
    </xf>
    <xf numFmtId="43" fontId="5" fillId="0" borderId="8" xfId="1" applyNumberFormat="1" applyFont="1" applyBorder="1" applyAlignment="1">
      <alignment vertical="center"/>
    </xf>
    <xf numFmtId="43" fontId="4" fillId="0" borderId="1" xfId="1" applyNumberFormat="1" applyFont="1" applyBorder="1" applyAlignment="1">
      <alignment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3" borderId="14" xfId="1" applyNumberFormat="1" applyFont="1" applyFill="1" applyBorder="1" applyAlignment="1">
      <alignment horizontal="left" vertical="center"/>
    </xf>
    <xf numFmtId="43" fontId="4" fillId="3" borderId="2" xfId="1" applyNumberFormat="1" applyFont="1" applyFill="1" applyBorder="1" applyAlignment="1">
      <alignment horizontal="left" vertical="center"/>
    </xf>
    <xf numFmtId="43" fontId="4" fillId="0" borderId="8" xfId="1" applyNumberFormat="1" applyFont="1" applyFill="1" applyBorder="1" applyAlignment="1">
      <alignment vertical="center"/>
    </xf>
    <xf numFmtId="43" fontId="4" fillId="3" borderId="6" xfId="1" applyNumberFormat="1" applyFont="1" applyFill="1" applyBorder="1" applyAlignment="1">
      <alignment horizontal="left" vertical="center"/>
    </xf>
    <xf numFmtId="43" fontId="4" fillId="3" borderId="3" xfId="1" applyNumberFormat="1" applyFont="1" applyFill="1" applyBorder="1" applyAlignment="1">
      <alignment horizontal="left" vertical="center"/>
    </xf>
    <xf numFmtId="43" fontId="4" fillId="0" borderId="0" xfId="1" applyNumberFormat="1" applyFont="1" applyFill="1" applyBorder="1" applyAlignment="1">
      <alignment horizontal="center" vertical="center"/>
    </xf>
    <xf numFmtId="43" fontId="4" fillId="0" borderId="0" xfId="1" applyNumberFormat="1" applyFont="1" applyAlignment="1">
      <alignment vertical="center"/>
    </xf>
    <xf numFmtId="43" fontId="4" fillId="0" borderId="11" xfId="1" applyNumberFormat="1" applyFont="1" applyBorder="1" applyAlignment="1">
      <alignment vertical="center"/>
    </xf>
    <xf numFmtId="43" fontId="5" fillId="2" borderId="7" xfId="1" applyNumberFormat="1" applyFont="1" applyFill="1" applyBorder="1" applyAlignment="1">
      <alignment vertical="center"/>
    </xf>
    <xf numFmtId="43" fontId="4" fillId="0" borderId="8" xfId="5" applyFont="1" applyFill="1" applyBorder="1" applyAlignment="1">
      <alignment horizontal="right" vertical="center"/>
    </xf>
    <xf numFmtId="43" fontId="5" fillId="0" borderId="1" xfId="5" applyFont="1" applyFill="1" applyBorder="1" applyAlignment="1">
      <alignment vertical="center"/>
    </xf>
    <xf numFmtId="43" fontId="5" fillId="2" borderId="1" xfId="5" applyFont="1" applyFill="1" applyBorder="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4"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2" xfId="5" applyFont="1" applyFill="1" applyBorder="1" applyAlignment="1">
      <alignment horizontal="right" vertical="center" wrapText="1"/>
    </xf>
    <xf numFmtId="43" fontId="5" fillId="0" borderId="13" xfId="5" applyFont="1" applyFill="1" applyBorder="1" applyAlignment="1">
      <alignment horizontal="right" vertical="center"/>
    </xf>
    <xf numFmtId="43" fontId="5" fillId="0" borderId="8" xfId="5" applyFont="1" applyFill="1" applyBorder="1" applyAlignment="1">
      <alignment horizontal="right" vertical="center" wrapText="1"/>
    </xf>
    <xf numFmtId="43" fontId="5" fillId="0" borderId="11" xfId="5" applyFont="1" applyFill="1" applyBorder="1" applyAlignment="1">
      <alignment horizontal="right" vertical="center"/>
    </xf>
    <xf numFmtId="43" fontId="5" fillId="2" borderId="10" xfId="5" applyFont="1" applyFill="1" applyBorder="1" applyAlignment="1">
      <alignment horizontal="right" vertical="center"/>
    </xf>
    <xf numFmtId="43" fontId="4" fillId="0" borderId="3" xfId="5" applyFont="1" applyFill="1" applyBorder="1" applyAlignment="1">
      <alignment horizontal="left" vertical="center" wrapText="1"/>
    </xf>
    <xf numFmtId="43" fontId="5" fillId="0" borderId="3" xfId="5" applyFont="1" applyFill="1" applyBorder="1" applyAlignment="1">
      <alignment horizontal="right" vertical="center" wrapText="1"/>
    </xf>
    <xf numFmtId="43" fontId="5" fillId="2" borderId="9" xfId="5" applyFont="1" applyFill="1" applyBorder="1" applyAlignment="1">
      <alignment horizontal="left" vertical="center" wrapText="1"/>
    </xf>
    <xf numFmtId="43" fontId="5" fillId="2" borderId="10" xfId="5" applyFont="1" applyFill="1" applyBorder="1" applyAlignment="1">
      <alignment horizontal="left" vertical="center" wrapText="1"/>
    </xf>
    <xf numFmtId="43" fontId="5" fillId="2" borderId="9" xfId="5" applyFont="1" applyFill="1" applyBorder="1" applyAlignment="1">
      <alignment horizontal="right" vertical="center" wrapText="1"/>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43" fontId="4" fillId="0" borderId="3" xfId="5" applyFont="1" applyFill="1" applyBorder="1" applyAlignment="1">
      <alignment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43" fontId="5" fillId="2" borderId="10" xfId="5" applyFont="1" applyFill="1" applyBorder="1" applyAlignment="1">
      <alignment horizontal="right" vertical="center"/>
    </xf>
    <xf numFmtId="0" fontId="5" fillId="0" borderId="0" xfId="0" applyFont="1" applyFill="1" applyBorder="1" applyAlignment="1">
      <alignment horizontal="center" vertical="center"/>
    </xf>
    <xf numFmtId="0" fontId="5" fillId="0" borderId="4" xfId="0" applyFont="1" applyFill="1" applyBorder="1" applyAlignment="1">
      <alignment horizontal="center" vertical="center"/>
    </xf>
    <xf numFmtId="37" fontId="5" fillId="0" borderId="0" xfId="0" applyNumberFormat="1" applyFont="1" applyFill="1" applyBorder="1" applyAlignment="1">
      <alignment horizontal="center" vertical="center"/>
    </xf>
    <xf numFmtId="37" fontId="5" fillId="0" borderId="7" xfId="0" applyNumberFormat="1" applyFont="1" applyFill="1" applyBorder="1" applyAlignment="1">
      <alignment horizontal="center" vertical="center"/>
    </xf>
    <xf numFmtId="0" fontId="19" fillId="0" borderId="3" xfId="0" applyFont="1" applyFill="1" applyBorder="1" applyAlignment="1">
      <alignment horizontal="left" vertical="center"/>
    </xf>
    <xf numFmtId="43" fontId="19" fillId="0" borderId="2" xfId="5" applyFont="1" applyFill="1" applyBorder="1" applyAlignment="1">
      <alignment vertical="center"/>
    </xf>
    <xf numFmtId="0" fontId="19" fillId="0" borderId="0" xfId="0" applyFont="1" applyFill="1" applyAlignment="1">
      <alignment vertical="center"/>
    </xf>
    <xf numFmtId="165" fontId="0" fillId="0" borderId="0" xfId="0" applyNumberFormat="1" applyAlignment="1">
      <alignment horizontal="center" wrapText="1"/>
    </xf>
    <xf numFmtId="165" fontId="4" fillId="0" borderId="0" xfId="3" applyFont="1" applyFill="1" applyBorder="1" applyAlignment="1">
      <alignment horizontal="center" vertical="center" wrapText="1"/>
    </xf>
    <xf numFmtId="43" fontId="5" fillId="0" borderId="8" xfId="5" applyFont="1" applyFill="1" applyBorder="1" applyAlignment="1">
      <alignment horizontal="center" vertical="center" wrapText="1"/>
    </xf>
    <xf numFmtId="43" fontId="5" fillId="0" borderId="2" xfId="0" applyNumberFormat="1" applyFont="1" applyFill="1" applyBorder="1" applyAlignment="1">
      <alignment vertical="center"/>
    </xf>
    <xf numFmtId="43" fontId="4" fillId="0" borderId="2" xfId="0" applyNumberFormat="1" applyFont="1" applyFill="1" applyBorder="1" applyAlignment="1">
      <alignment vertical="center"/>
    </xf>
    <xf numFmtId="43" fontId="4" fillId="0" borderId="8" xfId="0" applyNumberFormat="1" applyFont="1" applyFill="1" applyBorder="1" applyAlignment="1">
      <alignment vertical="center"/>
    </xf>
    <xf numFmtId="43" fontId="5" fillId="2" borderId="15" xfId="0" applyNumberFormat="1" applyFont="1" applyFill="1" applyBorder="1" applyAlignment="1">
      <alignment vertical="center"/>
    </xf>
    <xf numFmtId="43" fontId="5" fillId="0" borderId="8" xfId="0" applyNumberFormat="1" applyFont="1" applyFill="1" applyBorder="1" applyAlignment="1">
      <alignment horizontal="center" vertical="center"/>
    </xf>
    <xf numFmtId="43" fontId="5" fillId="2" borderId="10" xfId="0" applyNumberFormat="1" applyFont="1" applyFill="1" applyBorder="1" applyAlignment="1">
      <alignment vertical="center"/>
    </xf>
    <xf numFmtId="43" fontId="4" fillId="0" borderId="2" xfId="0" applyNumberFormat="1" applyFont="1" applyFill="1" applyBorder="1" applyAlignment="1">
      <alignment horizontal="center" vertical="center"/>
    </xf>
    <xf numFmtId="43" fontId="4" fillId="0" borderId="8" xfId="0" applyNumberFormat="1" applyFont="1" applyFill="1" applyBorder="1" applyAlignment="1">
      <alignment horizontal="center" vertical="center"/>
    </xf>
    <xf numFmtId="43" fontId="5" fillId="2" borderId="15" xfId="0" applyNumberFormat="1" applyFont="1" applyFill="1" applyBorder="1" applyAlignment="1">
      <alignment horizontal="center" vertical="center"/>
    </xf>
    <xf numFmtId="43" fontId="5" fillId="0" borderId="8" xfId="5" applyNumberFormat="1" applyFont="1" applyFill="1" applyBorder="1" applyAlignment="1">
      <alignment horizontal="right" vertical="center"/>
    </xf>
    <xf numFmtId="43" fontId="5" fillId="0" borderId="6" xfId="5" applyNumberFormat="1" applyFont="1" applyFill="1" applyBorder="1" applyAlignment="1">
      <alignment horizontal="left" vertical="center" wrapText="1"/>
    </xf>
    <xf numFmtId="43" fontId="5" fillId="0" borderId="3" xfId="5" applyNumberFormat="1" applyFont="1" applyFill="1" applyBorder="1" applyAlignment="1">
      <alignment horizontal="left" vertical="center" wrapText="1"/>
    </xf>
    <xf numFmtId="43" fontId="4" fillId="0" borderId="3" xfId="1" applyNumberFormat="1" applyFont="1" applyFill="1" applyBorder="1" applyAlignment="1">
      <alignment horizontal="left" vertical="center" wrapText="1"/>
    </xf>
    <xf numFmtId="43" fontId="5" fillId="0" borderId="3" xfId="5" applyNumberFormat="1" applyFont="1" applyFill="1" applyBorder="1" applyAlignment="1">
      <alignment horizontal="right" vertical="center" wrapText="1"/>
    </xf>
    <xf numFmtId="43" fontId="4" fillId="0" borderId="3" xfId="5" applyNumberFormat="1" applyFont="1" applyFill="1" applyBorder="1" applyAlignment="1">
      <alignment horizontal="right" vertical="center" wrapText="1"/>
    </xf>
    <xf numFmtId="43" fontId="4" fillId="0" borderId="12" xfId="1" applyNumberFormat="1" applyFont="1" applyFill="1" applyBorder="1" applyAlignment="1">
      <alignment horizontal="left" vertical="center" wrapText="1"/>
    </xf>
    <xf numFmtId="43" fontId="4" fillId="0" borderId="13" xfId="5" applyNumberFormat="1" applyFont="1" applyFill="1" applyBorder="1" applyAlignment="1">
      <alignment horizontal="right" vertical="center" wrapText="1"/>
    </xf>
    <xf numFmtId="43" fontId="4" fillId="0" borderId="12" xfId="5" applyNumberFormat="1" applyFont="1" applyFill="1" applyBorder="1" applyAlignment="1">
      <alignment horizontal="right" vertical="center" wrapText="1"/>
    </xf>
    <xf numFmtId="43" fontId="5" fillId="2" borderId="1" xfId="5" applyNumberFormat="1" applyFont="1" applyFill="1" applyBorder="1" applyAlignment="1">
      <alignment horizontal="right" vertical="center" wrapText="1"/>
    </xf>
    <xf numFmtId="43" fontId="5" fillId="2" borderId="1" xfId="1" applyNumberFormat="1" applyFont="1" applyFill="1" applyBorder="1" applyAlignment="1">
      <alignment horizontal="left" vertical="center" wrapText="1"/>
    </xf>
    <xf numFmtId="43" fontId="5" fillId="0" borderId="10" xfId="2" applyNumberFormat="1" applyFont="1" applyFill="1" applyBorder="1" applyAlignment="1">
      <alignment vertical="center"/>
    </xf>
    <xf numFmtId="43" fontId="5" fillId="2" borderId="5" xfId="5" applyNumberFormat="1" applyFont="1" applyFill="1" applyBorder="1" applyAlignment="1">
      <alignment horizontal="right" vertical="center"/>
    </xf>
    <xf numFmtId="43" fontId="5" fillId="0" borderId="2" xfId="5" applyNumberFormat="1" applyFont="1" applyFill="1" applyBorder="1" applyAlignment="1">
      <alignment horizontal="right" vertical="center"/>
    </xf>
    <xf numFmtId="43" fontId="5" fillId="2" borderId="10" xfId="5" applyNumberFormat="1" applyFont="1" applyFill="1" applyBorder="1" applyAlignment="1">
      <alignment vertical="center"/>
    </xf>
    <xf numFmtId="43" fontId="4" fillId="0" borderId="11" xfId="1" applyNumberFormat="1" applyFont="1" applyFill="1" applyBorder="1" applyAlignment="1">
      <alignment vertical="center"/>
    </xf>
    <xf numFmtId="43" fontId="19" fillId="0" borderId="0" xfId="0" applyNumberFormat="1" applyFont="1" applyFill="1" applyAlignment="1">
      <alignment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0" borderId="0" xfId="1" applyNumberFormat="1"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1" applyNumberFormat="1" applyFont="1" applyFill="1" applyAlignment="1">
      <alignment vertical="center"/>
    </xf>
    <xf numFmtId="43" fontId="4" fillId="0" borderId="0" xfId="1" applyNumberFormat="1" applyFont="1" applyFill="1" applyAlignment="1">
      <alignment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0" fontId="4" fillId="0" borderId="5" xfId="0" applyFont="1" applyFill="1" applyBorder="1" applyAlignment="1">
      <alignment horizontal="center" vertical="center"/>
    </xf>
    <xf numFmtId="43" fontId="5" fillId="0" borderId="5" xfId="1" applyNumberFormat="1" applyFont="1" applyFill="1" applyBorder="1" applyAlignment="1">
      <alignment horizontal="center" vertical="center" wrapText="1"/>
    </xf>
    <xf numFmtId="43" fontId="5" fillId="2" borderId="1" xfId="1" applyNumberFormat="1" applyFont="1" applyFill="1" applyBorder="1" applyAlignment="1">
      <alignment horizontal="center" vertical="center"/>
    </xf>
    <xf numFmtId="43" fontId="4" fillId="3" borderId="14" xfId="1" applyNumberFormat="1" applyFont="1" applyFill="1" applyBorder="1" applyAlignment="1">
      <alignment vertical="center"/>
    </xf>
    <xf numFmtId="43" fontId="4" fillId="3" borderId="6" xfId="1" applyNumberFormat="1" applyFont="1" applyFill="1" applyBorder="1" applyAlignment="1">
      <alignment vertical="center"/>
    </xf>
    <xf numFmtId="43" fontId="4" fillId="3" borderId="2" xfId="1" applyNumberFormat="1" applyFont="1" applyFill="1" applyBorder="1" applyAlignment="1">
      <alignment vertical="center"/>
    </xf>
    <xf numFmtId="43" fontId="4" fillId="3" borderId="3" xfId="1" applyNumberFormat="1" applyFont="1" applyFill="1" applyBorder="1" applyAlignment="1">
      <alignment vertical="center"/>
    </xf>
    <xf numFmtId="43" fontId="5" fillId="2" borderId="15" xfId="1" applyNumberFormat="1" applyFont="1" applyFill="1" applyBorder="1" applyAlignment="1">
      <alignment vertical="center" wrapText="1"/>
    </xf>
    <xf numFmtId="43" fontId="5" fillId="2" borderId="15" xfId="5" applyNumberFormat="1" applyFont="1" applyFill="1" applyBorder="1" applyAlignment="1">
      <alignment horizontal="left"/>
    </xf>
    <xf numFmtId="43" fontId="4" fillId="0" borderId="8" xfId="5" applyNumberFormat="1" applyFont="1" applyFill="1" applyBorder="1" applyAlignment="1">
      <alignment horizontal="left" vertical="center"/>
    </xf>
    <xf numFmtId="43" fontId="4" fillId="0" borderId="2" xfId="5" applyFont="1" applyFill="1" applyBorder="1" applyAlignment="1">
      <alignment horizontal="left" vertical="center"/>
    </xf>
    <xf numFmtId="43" fontId="5" fillId="2" borderId="15" xfId="5" applyFont="1" applyFill="1" applyBorder="1" applyAlignment="1">
      <alignment horizontal="left" vertical="center"/>
    </xf>
    <xf numFmtId="43" fontId="4" fillId="3" borderId="2" xfId="1" applyNumberFormat="1" applyFont="1" applyFill="1" applyBorder="1" applyAlignment="1">
      <alignment vertical="center" wrapText="1"/>
    </xf>
    <xf numFmtId="165" fontId="5" fillId="2" borderId="10" xfId="0" applyNumberFormat="1" applyFont="1" applyFill="1" applyBorder="1" applyAlignment="1">
      <alignment horizontal="right" vertical="center"/>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4" fontId="4" fillId="0" borderId="12" xfId="0" applyNumberFormat="1" applyFont="1" applyFill="1" applyBorder="1" applyAlignment="1">
      <alignment vertical="center"/>
    </xf>
    <xf numFmtId="165" fontId="4" fillId="0" borderId="14" xfId="0" applyNumberFormat="1" applyFont="1" applyFill="1" applyBorder="1" applyAlignment="1">
      <alignment vertical="center"/>
    </xf>
    <xf numFmtId="43" fontId="4" fillId="0" borderId="13" xfId="0" applyNumberFormat="1" applyFont="1" applyFill="1" applyBorder="1" applyAlignment="1">
      <alignment vertical="center"/>
    </xf>
    <xf numFmtId="43" fontId="5" fillId="0" borderId="3" xfId="0" applyNumberFormat="1" applyFont="1" applyFill="1" applyBorder="1" applyAlignment="1">
      <alignment vertical="center"/>
    </xf>
    <xf numFmtId="43" fontId="5" fillId="0" borderId="11" xfId="0" applyNumberFormat="1" applyFont="1" applyFill="1" applyBorder="1" applyAlignment="1">
      <alignment vertical="center"/>
    </xf>
    <xf numFmtId="43" fontId="4" fillId="0" borderId="3" xfId="0" applyNumberFormat="1" applyFont="1" applyFill="1" applyBorder="1" applyAlignment="1">
      <alignment vertical="center"/>
    </xf>
    <xf numFmtId="43" fontId="4" fillId="0" borderId="1" xfId="0" applyNumberFormat="1" applyFont="1" applyFill="1" applyBorder="1" applyAlignment="1">
      <alignment vertical="center"/>
    </xf>
    <xf numFmtId="43" fontId="5" fillId="2" borderId="9" xfId="0" applyNumberFormat="1" applyFont="1" applyFill="1" applyBorder="1" applyAlignment="1">
      <alignment vertical="center"/>
    </xf>
    <xf numFmtId="43" fontId="5" fillId="0" borderId="8" xfId="5" applyFont="1" applyFill="1" applyBorder="1" applyAlignment="1">
      <alignment horizontal="right" vertical="center"/>
    </xf>
    <xf numFmtId="165" fontId="4" fillId="0" borderId="12" xfId="0" applyNumberFormat="1" applyFont="1" applyFill="1" applyBorder="1" applyAlignment="1">
      <alignment vertical="center"/>
    </xf>
    <xf numFmtId="43" fontId="5" fillId="0" borderId="9" xfId="0" applyNumberFormat="1" applyFont="1" applyFill="1" applyBorder="1" applyAlignment="1">
      <alignment vertical="center"/>
    </xf>
    <xf numFmtId="165" fontId="5" fillId="0" borderId="15" xfId="0" applyNumberFormat="1" applyFont="1" applyFill="1" applyBorder="1" applyAlignment="1">
      <alignment horizontal="center"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8" xfId="0" applyFont="1" applyFill="1" applyBorder="1" applyAlignment="1">
      <alignment horizontal="right" vertical="center" wrapText="1"/>
    </xf>
    <xf numFmtId="0" fontId="4" fillId="0" borderId="2" xfId="0" applyFont="1" applyFill="1" applyBorder="1" applyAlignment="1">
      <alignment horizontal="right" vertical="center" wrapText="1"/>
    </xf>
    <xf numFmtId="0" fontId="4" fillId="0" borderId="0" xfId="0" applyFont="1" applyFill="1" applyBorder="1" applyAlignment="1">
      <alignment vertical="center" wrapText="1"/>
    </xf>
    <xf numFmtId="0" fontId="5" fillId="2" borderId="10" xfId="0" applyFont="1" applyFill="1" applyBorder="1" applyAlignment="1">
      <alignment horizontal="right" vertical="center" wrapText="1"/>
    </xf>
    <xf numFmtId="0" fontId="5" fillId="2" borderId="13" xfId="0" applyFont="1" applyFill="1" applyBorder="1" applyAlignment="1">
      <alignment horizontal="righ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5" xfId="0" applyFont="1" applyFill="1" applyBorder="1" applyAlignment="1">
      <alignment horizontal="right" vertical="center" wrapText="1"/>
    </xf>
    <xf numFmtId="0" fontId="4" fillId="0" borderId="8" xfId="0" applyFont="1" applyFill="1" applyBorder="1" applyAlignment="1">
      <alignment vertical="center" wrapText="1"/>
    </xf>
    <xf numFmtId="0" fontId="5" fillId="2" borderId="10" xfId="0" applyFont="1" applyFill="1" applyBorder="1" applyAlignment="1">
      <alignment vertical="center" wrapText="1"/>
    </xf>
    <xf numFmtId="43" fontId="5" fillId="2" borderId="10" xfId="0" applyNumberFormat="1" applyFont="1" applyFill="1" applyBorder="1" applyAlignment="1">
      <alignment horizontal="right" vertical="center" wrapText="1"/>
    </xf>
    <xf numFmtId="43" fontId="5" fillId="0" borderId="8" xfId="5" applyFont="1" applyFill="1" applyBorder="1" applyAlignment="1">
      <alignment horizontal="right" vertical="center"/>
    </xf>
    <xf numFmtId="43" fontId="5" fillId="0" borderId="8" xfId="5" applyNumberFormat="1" applyFont="1" applyFill="1" applyBorder="1" applyAlignment="1">
      <alignment horizontal="right" vertical="center"/>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43" fontId="4" fillId="0" borderId="8" xfId="5" applyFont="1" applyFill="1" applyBorder="1" applyAlignment="1">
      <alignment horizontal="center" vertical="center" wrapText="1"/>
    </xf>
    <xf numFmtId="43" fontId="5" fillId="2" borderId="1" xfId="5"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49" fontId="5" fillId="2" borderId="15" xfId="0" applyNumberFormat="1" applyFont="1" applyFill="1" applyBorder="1" applyAlignment="1">
      <alignment horizontal="center" vertical="center"/>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0" fontId="19" fillId="0" borderId="0" xfId="0" applyFont="1" applyFill="1" applyBorder="1" applyAlignment="1">
      <alignment vertical="center"/>
    </xf>
    <xf numFmtId="43" fontId="5" fillId="0" borderId="8" xfId="5" applyNumberFormat="1" applyFont="1" applyFill="1" applyBorder="1" applyAlignment="1">
      <alignment horizontal="right" vertical="center"/>
    </xf>
    <xf numFmtId="43" fontId="4" fillId="0" borderId="3" xfId="5" applyFont="1" applyFill="1" applyBorder="1" applyAlignment="1">
      <alignment horizontal="right" vertical="center" wrapText="1"/>
    </xf>
    <xf numFmtId="43" fontId="5" fillId="2" borderId="10" xfId="5" applyNumberFormat="1" applyFont="1" applyFill="1" applyBorder="1" applyAlignment="1">
      <alignment horizontal="lef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43" fontId="5" fillId="0" borderId="8" xfId="5" applyFont="1" applyFill="1" applyBorder="1" applyAlignment="1">
      <alignment horizontal="right" vertical="center"/>
    </xf>
    <xf numFmtId="43" fontId="5" fillId="0" borderId="3"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0" borderId="0" xfId="1" applyNumberFormat="1" applyFont="1" applyFill="1" applyBorder="1" applyAlignment="1">
      <alignment horizontal="center" vertical="center"/>
    </xf>
    <xf numFmtId="43" fontId="5" fillId="0" borderId="6" xfId="5" applyNumberFormat="1" applyFont="1" applyFill="1" applyBorder="1" applyAlignment="1">
      <alignment horizontal="right" vertical="center" wrapText="1"/>
    </xf>
    <xf numFmtId="43" fontId="5" fillId="2" borderId="12" xfId="5" applyNumberFormat="1" applyFont="1" applyFill="1" applyBorder="1" applyAlignment="1">
      <alignment horizontal="righ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43" fontId="5" fillId="0" borderId="14" xfId="5" applyNumberFormat="1" applyFont="1" applyFill="1" applyBorder="1" applyAlignment="1">
      <alignment horizontal="left" vertical="center" wrapText="1"/>
    </xf>
    <xf numFmtId="43" fontId="5" fillId="0" borderId="2" xfId="5" applyNumberFormat="1" applyFont="1" applyFill="1" applyBorder="1" applyAlignment="1">
      <alignment horizontal="left" vertical="center" wrapText="1"/>
    </xf>
    <xf numFmtId="43" fontId="5" fillId="0" borderId="13" xfId="5" applyNumberFormat="1" applyFont="1" applyFill="1" applyBorder="1" applyAlignment="1">
      <alignment horizontal="left" vertical="center" wrapText="1"/>
    </xf>
    <xf numFmtId="43" fontId="5" fillId="0" borderId="11" xfId="5" applyNumberFormat="1" applyFont="1" applyFill="1" applyBorder="1" applyAlignment="1">
      <alignment horizontal="left" vertical="center" wrapText="1"/>
    </xf>
    <xf numFmtId="43" fontId="5" fillId="0" borderId="8" xfId="5" applyNumberFormat="1" applyFont="1" applyFill="1" applyBorder="1" applyAlignment="1">
      <alignment horizontal="left" vertical="center" wrapText="1"/>
    </xf>
    <xf numFmtId="43" fontId="5" fillId="0" borderId="1" xfId="5" applyNumberFormat="1" applyFont="1" applyFill="1" applyBorder="1" applyAlignment="1">
      <alignment horizontal="left" vertical="center" wrapText="1"/>
    </xf>
    <xf numFmtId="43" fontId="5" fillId="0" borderId="14" xfId="5" applyNumberFormat="1" applyFont="1" applyFill="1" applyBorder="1" applyAlignment="1">
      <alignment horizontal="right" vertical="center"/>
    </xf>
    <xf numFmtId="43" fontId="4" fillId="0" borderId="2" xfId="5" applyFont="1" applyFill="1" applyBorder="1" applyAlignment="1">
      <alignment horizontal="right" vertical="center" wrapText="1"/>
    </xf>
    <xf numFmtId="43" fontId="5" fillId="0" borderId="13" xfId="5" applyFont="1" applyFill="1" applyBorder="1" applyAlignment="1">
      <alignment horizontal="right" vertical="center" wrapText="1"/>
    </xf>
    <xf numFmtId="43" fontId="5" fillId="0" borderId="0" xfId="5" applyNumberFormat="1" applyFont="1" applyFill="1" applyBorder="1" applyAlignment="1">
      <alignment horizontal="right" vertical="center"/>
    </xf>
    <xf numFmtId="43" fontId="5" fillId="0" borderId="13" xfId="5" applyNumberFormat="1" applyFont="1" applyFill="1" applyBorder="1" applyAlignment="1">
      <alignment horizontal="right" vertical="center"/>
    </xf>
    <xf numFmtId="43" fontId="5" fillId="2" borderId="10" xfId="5" applyFont="1" applyFill="1" applyBorder="1" applyAlignment="1">
      <alignment horizontal="center" vertical="center"/>
    </xf>
    <xf numFmtId="0" fontId="4" fillId="0" borderId="0" xfId="1" applyNumberFormat="1" applyFont="1" applyFill="1" applyBorder="1" applyAlignment="1">
      <alignment horizontal="center" vertical="center" wrapText="1"/>
    </xf>
    <xf numFmtId="43" fontId="5" fillId="0" borderId="2" xfId="5" applyFont="1" applyFill="1" applyBorder="1" applyAlignment="1">
      <alignment horizontal="left" vertical="center"/>
    </xf>
    <xf numFmtId="43" fontId="5" fillId="0" borderId="8" xfId="5" applyNumberFormat="1" applyFont="1" applyFill="1" applyBorder="1" applyAlignment="1">
      <alignment horizontal="left" vertical="center"/>
    </xf>
    <xf numFmtId="43" fontId="4" fillId="0" borderId="8" xfId="5" applyFont="1" applyFill="1" applyBorder="1" applyAlignment="1">
      <alignment horizontal="right" vertical="center"/>
    </xf>
    <xf numFmtId="43" fontId="4" fillId="0" borderId="8" xfId="5" applyNumberFormat="1" applyFont="1" applyFill="1" applyBorder="1" applyAlignment="1">
      <alignment horizontal="right" vertical="center"/>
    </xf>
    <xf numFmtId="43" fontId="5" fillId="0" borderId="8" xfId="5" applyNumberFormat="1" applyFont="1" applyFill="1" applyBorder="1" applyAlignment="1">
      <alignment horizontal="right" vertical="center"/>
    </xf>
    <xf numFmtId="43" fontId="4" fillId="0" borderId="0" xfId="1" applyNumberFormat="1" applyFont="1" applyFill="1" applyBorder="1" applyAlignment="1">
      <alignment horizontal="center"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8" xfId="5" applyNumberFormat="1" applyFont="1" applyFill="1" applyBorder="1" applyAlignment="1">
      <alignment horizontal="righ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20" fillId="0" borderId="2" xfId="5" applyFont="1" applyFill="1" applyBorder="1" applyAlignment="1">
      <alignment vertical="center"/>
    </xf>
    <xf numFmtId="43" fontId="4" fillId="0" borderId="0" xfId="1" applyNumberFormat="1" applyFont="1" applyFill="1" applyAlignment="1">
      <alignment horizontal="right" vertical="center"/>
    </xf>
    <xf numFmtId="43" fontId="4" fillId="0" borderId="2" xfId="5" applyNumberFormat="1" applyFont="1" applyFill="1" applyBorder="1" applyAlignment="1">
      <alignment horizontal="left" vertical="center" wrapText="1"/>
    </xf>
    <xf numFmtId="43" fontId="4" fillId="0" borderId="2" xfId="5" applyNumberFormat="1" applyFont="1" applyFill="1" applyBorder="1" applyAlignment="1">
      <alignment horizontal="right" vertical="center"/>
    </xf>
    <xf numFmtId="43" fontId="4" fillId="0" borderId="0" xfId="0" applyNumberFormat="1" applyFont="1" applyFill="1" applyAlignment="1">
      <alignment horizontal="center" vertical="center"/>
    </xf>
    <xf numFmtId="43" fontId="4" fillId="0" borderId="8" xfId="5" applyFont="1" applyFill="1" applyBorder="1" applyAlignment="1">
      <alignment horizontal="right" vertical="center"/>
    </xf>
    <xf numFmtId="43" fontId="5" fillId="0" borderId="8" xfId="5" applyFont="1" applyFill="1" applyBorder="1" applyAlignment="1">
      <alignment horizontal="right" vertical="center"/>
    </xf>
    <xf numFmtId="0" fontId="4" fillId="0" borderId="0" xfId="0" applyFont="1" applyFill="1" applyBorder="1" applyAlignment="1">
      <alignment horizontal="center" vertical="center"/>
    </xf>
    <xf numFmtId="43" fontId="23" fillId="0" borderId="2" xfId="5" applyFont="1" applyFill="1" applyBorder="1" applyAlignment="1">
      <alignment horizontal="right" vertical="center"/>
    </xf>
    <xf numFmtId="43" fontId="22" fillId="0" borderId="8" xfId="5" applyFont="1" applyFill="1" applyBorder="1" applyAlignment="1">
      <alignment horizontal="right" vertical="center"/>
    </xf>
    <xf numFmtId="43" fontId="4" fillId="0" borderId="2" xfId="5" applyFont="1" applyFill="1" applyBorder="1" applyAlignment="1"/>
    <xf numFmtId="43" fontId="4" fillId="0" borderId="14" xfId="1" applyNumberFormat="1" applyFont="1" applyFill="1" applyBorder="1" applyAlignment="1">
      <alignment vertical="center" wrapText="1"/>
    </xf>
    <xf numFmtId="43" fontId="5" fillId="0" borderId="8" xfId="1" applyNumberFormat="1" applyFont="1" applyFill="1" applyBorder="1" applyAlignment="1">
      <alignment horizontal="center" vertical="center"/>
    </xf>
    <xf numFmtId="4" fontId="8" fillId="5" borderId="16" xfId="0" applyNumberFormat="1" applyFont="1" applyFill="1" applyBorder="1" applyAlignment="1"/>
    <xf numFmtId="43" fontId="5" fillId="0" borderId="0" xfId="1" applyNumberFormat="1" applyFont="1" applyAlignment="1">
      <alignment vertical="center"/>
    </xf>
    <xf numFmtId="43" fontId="4" fillId="0" borderId="8" xfId="5" applyFont="1" applyFill="1" applyBorder="1" applyAlignment="1">
      <alignment horizontal="center" vertical="center"/>
    </xf>
    <xf numFmtId="43" fontId="4" fillId="0" borderId="0" xfId="5" applyFont="1" applyFill="1" applyAlignment="1">
      <alignment horizontal="center" vertical="center"/>
    </xf>
    <xf numFmtId="43" fontId="4" fillId="0" borderId="1" xfId="5" applyFont="1" applyFill="1" applyBorder="1" applyAlignment="1">
      <alignment horizontal="center" vertical="center"/>
    </xf>
    <xf numFmtId="43" fontId="5" fillId="0" borderId="10" xfId="5"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3" fontId="5" fillId="2" borderId="10" xfId="5" applyFont="1" applyFill="1" applyBorder="1" applyAlignment="1">
      <alignment horizontal="center" vertical="center"/>
    </xf>
    <xf numFmtId="43" fontId="5" fillId="0" borderId="8" xfId="5" applyFont="1" applyFill="1" applyBorder="1" applyAlignment="1">
      <alignment horizontal="center" vertical="center" wrapText="1"/>
    </xf>
    <xf numFmtId="49" fontId="5" fillId="2" borderId="1" xfId="0" applyNumberFormat="1" applyFont="1" applyFill="1" applyBorder="1" applyAlignment="1">
      <alignment horizontal="center" vertical="top"/>
    </xf>
    <xf numFmtId="43" fontId="5" fillId="0" borderId="10" xfId="5" applyFont="1" applyFill="1" applyBorder="1" applyAlignment="1">
      <alignment horizontal="center" vertical="center" wrapText="1"/>
    </xf>
    <xf numFmtId="0" fontId="5" fillId="2" borderId="3" xfId="0" applyFont="1" applyFill="1" applyBorder="1" applyAlignment="1">
      <alignment horizontal="center" vertical="center"/>
    </xf>
    <xf numFmtId="43" fontId="5" fillId="2" borderId="1" xfId="5" applyFont="1" applyFill="1" applyBorder="1" applyAlignment="1">
      <alignment horizontal="center" vertical="center"/>
    </xf>
    <xf numFmtId="165" fontId="5" fillId="2" borderId="10" xfId="5" applyNumberFormat="1" applyFont="1" applyFill="1" applyBorder="1" applyAlignment="1">
      <alignment horizontal="center" vertical="center"/>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6" xfId="5" applyNumberFormat="1" applyFont="1" applyFill="1" applyBorder="1" applyAlignment="1">
      <alignment horizontal="center" vertical="center" wrapText="1"/>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5" fillId="0" borderId="3" xfId="5" applyNumberFormat="1" applyFont="1" applyFill="1" applyBorder="1" applyAlignment="1">
      <alignment horizontal="center" vertical="center" wrapText="1"/>
    </xf>
    <xf numFmtId="165" fontId="5" fillId="0" borderId="8" xfId="5" applyNumberFormat="1" applyFont="1" applyFill="1" applyBorder="1" applyAlignment="1">
      <alignment vertical="center" wrapText="1"/>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165" fontId="5" fillId="0" borderId="8" xfId="5" applyNumberFormat="1" applyFont="1" applyFill="1" applyBorder="1" applyAlignment="1">
      <alignment horizontal="center" vertical="center" wrapText="1"/>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10" xfId="5" applyNumberFormat="1" applyFont="1" applyFill="1" applyBorder="1" applyAlignment="1">
      <alignment horizontal="center" vertical="center"/>
    </xf>
    <xf numFmtId="165" fontId="4" fillId="0" borderId="11" xfId="5" applyNumberFormat="1" applyFont="1" applyFill="1" applyBorder="1" applyAlignment="1">
      <alignment vertical="center"/>
    </xf>
    <xf numFmtId="165" fontId="4" fillId="0" borderId="6" xfId="5" applyNumberFormat="1" applyFont="1" applyFill="1" applyBorder="1" applyAlignment="1">
      <alignment vertic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4" fillId="0" borderId="1" xfId="5" applyNumberFormat="1" applyFont="1" applyFill="1" applyBorder="1" applyAlignment="1">
      <alignment horizontal="center"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43" fontId="4" fillId="0" borderId="11" xfId="5" applyFont="1" applyFill="1" applyBorder="1" applyAlignment="1">
      <alignment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43" fontId="4" fillId="3" borderId="6" xfId="1" applyNumberFormat="1" applyFont="1" applyFill="1" applyBorder="1" applyAlignment="1">
      <alignment vertical="center" wrapText="1"/>
    </xf>
    <xf numFmtId="43" fontId="4" fillId="3" borderId="3" xfId="1" applyNumberFormat="1" applyFont="1" applyFill="1" applyBorder="1" applyAlignment="1">
      <alignment vertical="center" wrapText="1"/>
    </xf>
    <xf numFmtId="43" fontId="5" fillId="0" borderId="8" xfId="1" applyNumberFormat="1" applyFont="1" applyFill="1" applyBorder="1" applyAlignment="1">
      <alignment horizontal="center" vertical="center"/>
    </xf>
    <xf numFmtId="43" fontId="5" fillId="0" borderId="3" xfId="1" applyNumberFormat="1" applyFont="1" applyFill="1" applyBorder="1" applyAlignment="1">
      <alignment horizontal="center" vertical="center"/>
    </xf>
    <xf numFmtId="0" fontId="5" fillId="0" borderId="12" xfId="1" applyFont="1" applyBorder="1" applyAlignment="1">
      <alignment horizontal="left" vertical="center" wrapText="1"/>
    </xf>
    <xf numFmtId="43" fontId="5" fillId="0" borderId="0" xfId="1" applyNumberFormat="1" applyFont="1" applyFill="1" applyBorder="1" applyAlignment="1">
      <alignment horizontal="center" vertical="center"/>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5" fillId="3" borderId="2" xfId="1" applyNumberFormat="1" applyFont="1" applyFill="1" applyBorder="1" applyAlignment="1">
      <alignment horizontal="left" vertical="center"/>
    </xf>
    <xf numFmtId="43" fontId="5" fillId="3" borderId="3" xfId="1" applyNumberFormat="1" applyFont="1" applyFill="1" applyBorder="1" applyAlignment="1">
      <alignment horizontal="left" vertical="center"/>
    </xf>
    <xf numFmtId="43" fontId="5" fillId="0" borderId="1" xfId="1" applyNumberFormat="1" applyFont="1" applyBorder="1" applyAlignment="1">
      <alignment vertical="center"/>
    </xf>
    <xf numFmtId="43" fontId="4" fillId="0" borderId="0" xfId="5" applyFont="1" applyFill="1" applyBorder="1" applyAlignment="1">
      <alignment horizontal="center" vertical="center"/>
    </xf>
    <xf numFmtId="43" fontId="4" fillId="0" borderId="8"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0" fontId="4" fillId="0" borderId="0" xfId="0" applyFont="1" applyFill="1" applyBorder="1" applyAlignment="1">
      <alignment horizontal="center" vertical="center"/>
    </xf>
    <xf numFmtId="43" fontId="5" fillId="0" borderId="14" xfId="5" applyFont="1" applyFill="1" applyBorder="1" applyAlignment="1">
      <alignment horizontal="right" vertical="center" wrapText="1"/>
    </xf>
    <xf numFmtId="43" fontId="4" fillId="0" borderId="2" xfId="5" quotePrefix="1" applyFont="1" applyFill="1" applyBorder="1" applyAlignment="1">
      <alignment horizontal="right" vertical="center"/>
    </xf>
    <xf numFmtId="43" fontId="4" fillId="0" borderId="0" xfId="0"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165" fontId="4" fillId="0" borderId="10" xfId="5" applyNumberFormat="1" applyFont="1" applyFill="1" applyBorder="1" applyAlignment="1">
      <alignment horizontal="right" vertical="center"/>
    </xf>
    <xf numFmtId="165" fontId="4" fillId="0" borderId="9" xfId="5" applyNumberFormat="1" applyFont="1" applyFill="1" applyBorder="1" applyAlignment="1">
      <alignment horizontal="right"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43" fontId="5" fillId="0" borderId="11" xfId="5" applyFont="1" applyFill="1" applyBorder="1" applyAlignment="1">
      <alignment horizontal="center" vertical="center"/>
    </xf>
    <xf numFmtId="43" fontId="5" fillId="0" borderId="4" xfId="5" applyFont="1" applyFill="1" applyBorder="1" applyAlignment="1">
      <alignment horizontal="center" vertical="center"/>
    </xf>
    <xf numFmtId="0" fontId="5" fillId="2" borderId="5" xfId="0"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43" fontId="5" fillId="0" borderId="8" xfId="5" applyFont="1" applyFill="1" applyBorder="1" applyAlignment="1">
      <alignment horizontal="center" vertical="center"/>
    </xf>
    <xf numFmtId="43" fontId="5" fillId="0" borderId="0" xfId="5" applyFont="1" applyFill="1" applyBorder="1" applyAlignment="1">
      <alignment horizontal="center"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43" fontId="5" fillId="0" borderId="10" xfId="5" applyFont="1" applyFill="1" applyBorder="1" applyAlignment="1">
      <alignment horizontal="center" vertical="center"/>
    </xf>
    <xf numFmtId="43" fontId="5" fillId="0" borderId="5" xfId="5" applyFont="1" applyFill="1" applyBorder="1" applyAlignment="1">
      <alignment horizontal="center" vertical="center"/>
    </xf>
    <xf numFmtId="43" fontId="5" fillId="2" borderId="10" xfId="5" applyFont="1" applyFill="1" applyBorder="1" applyAlignment="1">
      <alignment horizontal="center" vertical="center"/>
    </xf>
    <xf numFmtId="43" fontId="5" fillId="2" borderId="5" xfId="5"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43" fontId="4" fillId="0" borderId="8" xfId="5" applyFont="1" applyFill="1" applyBorder="1" applyAlignment="1">
      <alignment horizontal="right" vertical="center"/>
    </xf>
    <xf numFmtId="43" fontId="4" fillId="0" borderId="3" xfId="5" applyFont="1" applyFill="1" applyBorder="1" applyAlignment="1">
      <alignment horizontal="right" vertical="center"/>
    </xf>
    <xf numFmtId="43" fontId="5" fillId="0" borderId="11" xfId="5" applyFont="1" applyFill="1" applyBorder="1" applyAlignment="1">
      <alignment horizontal="center" vertical="center" wrapText="1"/>
    </xf>
    <xf numFmtId="43" fontId="5" fillId="0" borderId="6" xfId="5" applyFont="1" applyFill="1" applyBorder="1" applyAlignment="1">
      <alignment horizontal="center" vertical="center" wrapText="1"/>
    </xf>
    <xf numFmtId="43" fontId="5" fillId="0" borderId="8"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8" xfId="5" applyFont="1" applyFill="1" applyBorder="1" applyAlignment="1">
      <alignment horizontal="center" vertical="center" wrapText="1"/>
    </xf>
    <xf numFmtId="43" fontId="5" fillId="0" borderId="3" xfId="5" applyFont="1" applyFill="1" applyBorder="1" applyAlignment="1">
      <alignment horizontal="center" vertical="center" wrapText="1"/>
    </xf>
    <xf numFmtId="43" fontId="4" fillId="0" borderId="3" xfId="5" applyFont="1" applyFill="1" applyBorder="1" applyAlignment="1">
      <alignment horizontal="center" vertical="center"/>
    </xf>
    <xf numFmtId="43" fontId="5" fillId="0" borderId="3" xfId="5"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43" fontId="5" fillId="0" borderId="1" xfId="5" applyFont="1" applyFill="1" applyBorder="1" applyAlignment="1">
      <alignment horizontal="center" vertical="center"/>
    </xf>
    <xf numFmtId="43" fontId="5" fillId="0" borderId="7" xfId="5"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0" borderId="0" xfId="0" applyNumberFormat="1" applyFont="1" applyFill="1" applyAlignment="1">
      <alignment horizontal="center" vertical="center"/>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8" xfId="0" applyNumberFormat="1" applyFont="1" applyFill="1" applyBorder="1" applyAlignment="1">
      <alignment horizontal="center"/>
    </xf>
    <xf numFmtId="49" fontId="5" fillId="2" borderId="6" xfId="0" applyNumberFormat="1" applyFont="1" applyFill="1" applyBorder="1" applyAlignment="1">
      <alignment horizont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43" fontId="4" fillId="0" borderId="11" xfId="5" applyFont="1" applyFill="1" applyBorder="1" applyAlignment="1">
      <alignment horizontal="center" vertical="center"/>
    </xf>
    <xf numFmtId="43" fontId="4" fillId="0" borderId="4" xfId="5" applyFont="1" applyFill="1" applyBorder="1" applyAlignment="1">
      <alignment horizontal="center" vertical="center"/>
    </xf>
    <xf numFmtId="0" fontId="4" fillId="0" borderId="0" xfId="1" applyNumberFormat="1" applyFont="1" applyFill="1" applyBorder="1" applyAlignment="1">
      <alignment horizontal="center" vertical="center" wrapText="1"/>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43" fontId="4" fillId="0" borderId="1" xfId="5" applyFont="1" applyBorder="1" applyAlignment="1">
      <alignment horizontal="center" vertical="center" wrapText="1"/>
    </xf>
    <xf numFmtId="43" fontId="4" fillId="0" borderId="7" xfId="5" applyFont="1" applyBorder="1" applyAlignment="1">
      <alignment horizontal="center" vertical="center" wrapText="1"/>
    </xf>
    <xf numFmtId="43" fontId="4" fillId="0" borderId="8" xfId="5" applyFont="1" applyBorder="1" applyAlignment="1">
      <alignment horizontal="center" vertical="center" wrapText="1"/>
    </xf>
    <xf numFmtId="43" fontId="4" fillId="0" borderId="3" xfId="5" applyFont="1" applyBorder="1" applyAlignment="1">
      <alignment horizontal="center" vertical="center" wrapText="1"/>
    </xf>
    <xf numFmtId="43" fontId="4" fillId="0" borderId="12" xfId="5" applyFont="1" applyBorder="1" applyAlignment="1">
      <alignment horizontal="center" vertical="center" wrapText="1"/>
    </xf>
    <xf numFmtId="43" fontId="4" fillId="0" borderId="12" xfId="5" applyFont="1" applyFill="1" applyBorder="1" applyAlignment="1">
      <alignment horizontal="center" vertical="center"/>
    </xf>
    <xf numFmtId="43" fontId="4" fillId="0" borderId="0" xfId="5"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0" fontId="5" fillId="2" borderId="2" xfId="0"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0" xfId="0" applyFont="1" applyFill="1" applyBorder="1" applyAlignment="1">
      <alignment horizontal="center" vertical="center"/>
    </xf>
    <xf numFmtId="43" fontId="5" fillId="0" borderId="11" xfId="5" applyFont="1" applyBorder="1" applyAlignment="1">
      <alignment horizontal="center" vertical="center" wrapText="1"/>
    </xf>
    <xf numFmtId="43" fontId="5" fillId="0" borderId="6" xfId="5" applyFont="1" applyBorder="1" applyAlignment="1">
      <alignment horizontal="center" vertical="center" wrapText="1"/>
    </xf>
    <xf numFmtId="43" fontId="5" fillId="0" borderId="4" xfId="5" applyFont="1" applyBorder="1" applyAlignment="1">
      <alignment horizontal="center" vertical="center" wrapText="1"/>
    </xf>
    <xf numFmtId="43" fontId="5" fillId="2" borderId="9" xfId="5" applyFont="1" applyFill="1" applyBorder="1" applyAlignment="1">
      <alignment horizontal="center" vertical="center"/>
    </xf>
    <xf numFmtId="0" fontId="5" fillId="2" borderId="6"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4" xfId="0" applyFont="1" applyFill="1" applyBorder="1" applyAlignment="1">
      <alignment horizontal="center"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0" fontId="5" fillId="2" borderId="11" xfId="0" applyFont="1" applyFill="1" applyBorder="1" applyAlignment="1">
      <alignment horizontal="center" vertical="center" wrapText="1"/>
    </xf>
    <xf numFmtId="43" fontId="4" fillId="0" borderId="11" xfId="5" applyFont="1" applyBorder="1" applyAlignment="1">
      <alignment horizontal="center" vertical="center" wrapText="1"/>
    </xf>
    <xf numFmtId="43" fontId="4" fillId="0" borderId="4" xfId="5" applyFont="1" applyBorder="1" applyAlignment="1">
      <alignment horizontal="center" vertical="center" wrapText="1"/>
    </xf>
    <xf numFmtId="43" fontId="4" fillId="0" borderId="6" xfId="5" applyFont="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43" fontId="5" fillId="0" borderId="12" xfId="5" applyFont="1" applyFill="1" applyBorder="1" applyAlignment="1">
      <alignment horizontal="center" vertical="center"/>
    </xf>
    <xf numFmtId="49" fontId="4" fillId="0" borderId="0" xfId="0" applyNumberFormat="1" applyFont="1" applyFill="1" applyBorder="1" applyAlignment="1">
      <alignment horizontal="right" vertical="center"/>
    </xf>
    <xf numFmtId="43" fontId="5" fillId="0" borderId="6" xfId="5" applyFont="1" applyFill="1" applyBorder="1" applyAlignment="1">
      <alignment horizontal="center" vertical="center"/>
    </xf>
    <xf numFmtId="0" fontId="5" fillId="2" borderId="7" xfId="0" applyFont="1" applyFill="1" applyBorder="1" applyAlignment="1">
      <alignment horizontal="center" vertical="center"/>
    </xf>
    <xf numFmtId="43" fontId="4" fillId="0" borderId="6" xfId="5"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5" xfId="0" applyNumberFormat="1" applyFont="1" applyFill="1" applyBorder="1" applyAlignment="1">
      <alignment horizontal="right"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43" fontId="5" fillId="0" borderId="11"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4" xfId="5" applyFont="1" applyFill="1" applyBorder="1" applyAlignment="1">
      <alignment horizontal="right" vertical="center"/>
    </xf>
    <xf numFmtId="43" fontId="4" fillId="0" borderId="0" xfId="5" applyFont="1" applyFill="1" applyBorder="1" applyAlignment="1">
      <alignment horizontal="right" vertical="center"/>
    </xf>
    <xf numFmtId="43" fontId="5" fillId="0" borderId="0" xfId="5" applyFont="1" applyFill="1" applyBorder="1" applyAlignment="1">
      <alignment horizontal="right" vertical="center"/>
    </xf>
    <xf numFmtId="165" fontId="5" fillId="2" borderId="10" xfId="5" applyNumberFormat="1" applyFont="1" applyFill="1" applyBorder="1" applyAlignment="1">
      <alignment horizontal="right" vertical="center"/>
    </xf>
    <xf numFmtId="165" fontId="5" fillId="2" borderId="9"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2" borderId="5" xfId="0" applyNumberFormat="1" applyFont="1" applyFill="1" applyBorder="1" applyAlignment="1">
      <alignment horizontal="right" vertical="center"/>
    </xf>
    <xf numFmtId="165" fontId="5" fillId="2" borderId="9"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3"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4" fontId="5" fillId="0" borderId="10" xfId="0" applyNumberFormat="1" applyFont="1" applyFill="1" applyBorder="1" applyAlignment="1">
      <alignment horizontal="right" vertical="center"/>
    </xf>
    <xf numFmtId="0" fontId="5" fillId="0" borderId="5" xfId="0" applyFont="1" applyFill="1" applyBorder="1" applyAlignment="1">
      <alignment horizontal="right"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43" fontId="4" fillId="0" borderId="8" xfId="5" applyNumberFormat="1" applyFont="1" applyFill="1" applyBorder="1" applyAlignment="1">
      <alignment horizontal="right" vertical="center"/>
    </xf>
    <xf numFmtId="43" fontId="4" fillId="0" borderId="3" xfId="5" applyNumberFormat="1" applyFont="1" applyFill="1" applyBorder="1" applyAlignment="1">
      <alignment horizontal="right" vertical="center"/>
    </xf>
    <xf numFmtId="43" fontId="4" fillId="0" borderId="8" xfId="5" quotePrefix="1" applyNumberFormat="1" applyFont="1" applyFill="1" applyBorder="1" applyAlignment="1">
      <alignment horizontal="right" vertical="center"/>
    </xf>
    <xf numFmtId="0" fontId="5" fillId="2" borderId="13" xfId="0" applyNumberFormat="1" applyFont="1" applyFill="1" applyBorder="1" applyAlignment="1">
      <alignment horizontal="center" vertical="center"/>
    </xf>
    <xf numFmtId="43" fontId="5" fillId="0" borderId="11" xfId="5" applyNumberFormat="1" applyFont="1" applyFill="1" applyBorder="1" applyAlignment="1">
      <alignment horizontal="right" vertical="center"/>
    </xf>
    <xf numFmtId="43" fontId="5" fillId="0" borderId="6" xfId="5" applyNumberFormat="1" applyFont="1" applyFill="1" applyBorder="1" applyAlignment="1">
      <alignment horizontal="right" vertical="center"/>
    </xf>
    <xf numFmtId="43" fontId="5" fillId="0" borderId="8" xfId="5" applyNumberFormat="1" applyFont="1" applyFill="1" applyBorder="1" applyAlignment="1">
      <alignment horizontal="right" vertical="center"/>
    </xf>
    <xf numFmtId="43" fontId="5" fillId="0" borderId="3" xfId="5" applyNumberFormat="1" applyFont="1" applyFill="1" applyBorder="1" applyAlignment="1">
      <alignment horizontal="right" vertical="center"/>
    </xf>
    <xf numFmtId="43" fontId="5" fillId="2" borderId="10" xfId="5" applyNumberFormat="1" applyFont="1" applyFill="1" applyBorder="1" applyAlignment="1">
      <alignment horizontal="right" vertical="center"/>
    </xf>
    <xf numFmtId="43" fontId="5" fillId="2" borderId="9" xfId="5" applyNumberFormat="1" applyFont="1" applyFill="1" applyBorder="1" applyAlignment="1">
      <alignment horizontal="right"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2" xfId="0" applyFont="1" applyFill="1" applyBorder="1" applyAlignment="1">
      <alignment horizontal="center" vertical="center" wrapText="1"/>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10"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5" xfId="1" applyFont="1" applyFill="1" applyBorder="1" applyAlignment="1">
      <alignment horizontal="center"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43" fontId="5" fillId="0" borderId="1" xfId="1" applyNumberFormat="1" applyFont="1" applyFill="1" applyBorder="1" applyAlignment="1">
      <alignment horizontal="center" vertical="center"/>
    </xf>
    <xf numFmtId="0" fontId="5" fillId="0" borderId="12" xfId="1" applyFont="1" applyFill="1" applyBorder="1" applyAlignment="1">
      <alignment horizontal="center" vertical="center"/>
    </xf>
    <xf numFmtId="165" fontId="5" fillId="0" borderId="0" xfId="5" applyNumberFormat="1" applyFont="1" applyFill="1" applyAlignment="1">
      <alignment horizontal="right" vertical="center"/>
    </xf>
    <xf numFmtId="0" fontId="5" fillId="0" borderId="0" xfId="1" applyFont="1" applyBorder="1" applyAlignment="1">
      <alignment horizontal="left" vertical="center" wrapText="1"/>
    </xf>
    <xf numFmtId="43" fontId="5" fillId="0" borderId="8" xfId="5" applyFont="1" applyBorder="1" applyAlignment="1">
      <alignment horizontal="right" vertical="center" wrapText="1"/>
    </xf>
    <xf numFmtId="43" fontId="5" fillId="0" borderId="3" xfId="5" applyFont="1" applyBorder="1" applyAlignment="1">
      <alignment horizontal="right" vertical="center" wrapText="1"/>
    </xf>
    <xf numFmtId="43" fontId="4" fillId="0" borderId="8" xfId="5" applyFont="1" applyBorder="1" applyAlignment="1">
      <alignment horizontal="right" vertical="center" wrapText="1"/>
    </xf>
    <xf numFmtId="43" fontId="4" fillId="0" borderId="3" xfId="5" applyFont="1" applyBorder="1" applyAlignment="1">
      <alignment horizontal="right" vertical="center" wrapText="1"/>
    </xf>
    <xf numFmtId="165" fontId="5" fillId="0" borderId="11" xfId="5" applyNumberFormat="1" applyFont="1" applyFill="1" applyBorder="1" applyAlignment="1">
      <alignment horizontal="right" vertical="center"/>
    </xf>
    <xf numFmtId="165" fontId="5" fillId="0" borderId="4" xfId="5" applyNumberFormat="1" applyFont="1" applyFill="1" applyBorder="1" applyAlignment="1">
      <alignment horizontal="right" vertical="center"/>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43" fontId="5" fillId="0" borderId="10" xfId="1" applyNumberFormat="1" applyFont="1" applyFill="1" applyBorder="1" applyAlignment="1">
      <alignment horizontal="center" vertical="center" wrapText="1"/>
    </xf>
    <xf numFmtId="0" fontId="5" fillId="0" borderId="9" xfId="1" applyFont="1" applyFill="1" applyBorder="1" applyAlignment="1">
      <alignment horizontal="center" vertical="center" wrapText="1"/>
    </xf>
    <xf numFmtId="0" fontId="5" fillId="2" borderId="6" xfId="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43" fontId="5" fillId="0" borderId="11" xfId="1" applyNumberFormat="1" applyFont="1" applyFill="1" applyBorder="1" applyAlignment="1">
      <alignment horizontal="center" vertical="center"/>
    </xf>
    <xf numFmtId="43" fontId="5" fillId="0" borderId="4"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43" fontId="4" fillId="0" borderId="8" xfId="1" applyNumberFormat="1" applyFont="1" applyFill="1" applyBorder="1" applyAlignment="1">
      <alignment horizontal="right" vertical="center"/>
    </xf>
    <xf numFmtId="43" fontId="4" fillId="0" borderId="0" xfId="1" applyNumberFormat="1" applyFont="1" applyFill="1" applyBorder="1" applyAlignment="1">
      <alignment horizontal="right" vertical="center"/>
    </xf>
    <xf numFmtId="43" fontId="4" fillId="0" borderId="1" xfId="1" applyNumberFormat="1" applyFont="1" applyFill="1" applyBorder="1" applyAlignment="1">
      <alignment horizontal="right" vertical="center"/>
    </xf>
    <xf numFmtId="43" fontId="4" fillId="0" borderId="7" xfId="1" applyNumberFormat="1" applyFont="1" applyFill="1" applyBorder="1" applyAlignment="1">
      <alignment horizontal="right" vertical="center"/>
    </xf>
    <xf numFmtId="43" fontId="5" fillId="0" borderId="11" xfId="1" applyNumberFormat="1" applyFont="1" applyFill="1" applyBorder="1" applyAlignment="1">
      <alignment horizontal="right" vertical="center"/>
    </xf>
    <xf numFmtId="43" fontId="5" fillId="0" borderId="4" xfId="1" applyNumberFormat="1" applyFont="1" applyFill="1" applyBorder="1" applyAlignment="1">
      <alignment horizontal="right" vertical="center"/>
    </xf>
    <xf numFmtId="43" fontId="5" fillId="0" borderId="1" xfId="1" applyNumberFormat="1" applyFont="1" applyFill="1" applyBorder="1" applyAlignment="1">
      <alignment horizontal="right" vertical="center"/>
    </xf>
    <xf numFmtId="43" fontId="5" fillId="0" borderId="7" xfId="1" applyNumberFormat="1" applyFont="1" applyFill="1" applyBorder="1" applyAlignment="1">
      <alignment horizontal="right"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43" fontId="5" fillId="2" borderId="10" xfId="1" applyNumberFormat="1" applyFont="1" applyFill="1" applyBorder="1" applyAlignment="1">
      <alignment horizontal="right" vertical="center"/>
    </xf>
    <xf numFmtId="43" fontId="5" fillId="2" borderId="5" xfId="1" applyNumberFormat="1" applyFont="1" applyFill="1" applyBorder="1" applyAlignment="1">
      <alignment horizontal="right" vertical="center"/>
    </xf>
    <xf numFmtId="0" fontId="5" fillId="0" borderId="4" xfId="1" applyFont="1" applyFill="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4" fillId="0" borderId="0" xfId="1" applyFont="1" applyBorder="1" applyAlignment="1">
      <alignment horizontal="left" vertical="center"/>
    </xf>
    <xf numFmtId="0" fontId="4" fillId="0" borderId="3" xfId="1" applyFont="1" applyBorder="1" applyAlignment="1">
      <alignment horizontal="left" vertical="center"/>
    </xf>
    <xf numFmtId="43" fontId="5" fillId="2" borderId="1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0" borderId="3" xfId="1" applyNumberFormat="1" applyFont="1" applyFill="1" applyBorder="1" applyAlignment="1">
      <alignment horizontal="center" vertical="center"/>
    </xf>
    <xf numFmtId="43" fontId="5" fillId="0" borderId="10" xfId="1" applyNumberFormat="1" applyFont="1" applyFill="1" applyBorder="1" applyAlignment="1">
      <alignment horizontal="right" vertical="center"/>
    </xf>
    <xf numFmtId="43" fontId="5" fillId="0" borderId="9" xfId="1" applyNumberFormat="1" applyFont="1" applyFill="1" applyBorder="1" applyAlignment="1">
      <alignment horizontal="right" vertical="center"/>
    </xf>
    <xf numFmtId="43" fontId="4" fillId="0" borderId="8" xfId="5" applyFont="1" applyFill="1" applyBorder="1" applyAlignment="1">
      <alignment horizontal="right" vertical="center" wrapText="1"/>
    </xf>
    <xf numFmtId="43" fontId="4" fillId="0" borderId="3" xfId="5" applyFont="1" applyFill="1" applyBorder="1" applyAlignment="1">
      <alignment horizontal="right" vertical="center" wrapText="1"/>
    </xf>
    <xf numFmtId="165" fontId="5" fillId="2" borderId="10" xfId="5" applyNumberFormat="1" applyFont="1" applyFill="1" applyBorder="1" applyAlignment="1">
      <alignment horizontal="right" vertical="center" wrapText="1"/>
    </xf>
    <xf numFmtId="165" fontId="5" fillId="2" borderId="9" xfId="5" applyNumberFormat="1" applyFont="1" applyFill="1" applyBorder="1" applyAlignment="1">
      <alignment horizontal="right" vertical="center" wrapText="1"/>
    </xf>
    <xf numFmtId="0" fontId="5" fillId="0" borderId="3" xfId="1" applyFont="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0" fontId="4" fillId="0" borderId="7" xfId="1" applyFont="1" applyFill="1" applyBorder="1" applyAlignment="1">
      <alignment horizontal="left" vertical="center"/>
    </xf>
    <xf numFmtId="165" fontId="5" fillId="0" borderId="1" xfId="5" applyNumberFormat="1" applyFont="1" applyFill="1" applyBorder="1" applyAlignment="1">
      <alignment horizontal="right" vertical="center"/>
    </xf>
    <xf numFmtId="165" fontId="5" fillId="0" borderId="7" xfId="5" applyNumberFormat="1" applyFont="1" applyFill="1" applyBorder="1" applyAlignment="1">
      <alignment horizontal="right" vertical="center"/>
    </xf>
    <xf numFmtId="165" fontId="5" fillId="2" borderId="5" xfId="5" applyNumberFormat="1" applyFont="1" applyFill="1" applyBorder="1" applyAlignment="1">
      <alignment horizontal="right" vertical="center" wrapText="1"/>
    </xf>
    <xf numFmtId="43" fontId="5" fillId="2" borderId="10" xfId="5" applyFont="1" applyFill="1" applyBorder="1" applyAlignment="1">
      <alignment horizontal="right" vertical="center" wrapText="1"/>
    </xf>
    <xf numFmtId="43" fontId="5" fillId="2" borderId="5" xfId="5" applyFont="1" applyFill="1" applyBorder="1" applyAlignment="1">
      <alignment horizontal="right" vertical="center" wrapText="1"/>
    </xf>
    <xf numFmtId="165" fontId="5" fillId="0" borderId="0" xfId="5" applyNumberFormat="1" applyFont="1" applyFill="1" applyAlignment="1">
      <alignment horizontal="center" vertical="center"/>
    </xf>
    <xf numFmtId="165" fontId="5" fillId="0" borderId="0" xfId="5" applyNumberFormat="1" applyFont="1" applyFill="1" applyBorder="1" applyAlignment="1">
      <alignment horizontal="center" vertical="center"/>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5" fillId="2" borderId="5" xfId="1" applyFont="1" applyFill="1" applyBorder="1" applyAlignment="1">
      <alignment horizontal="left" vertical="center" wrapText="1"/>
    </xf>
    <xf numFmtId="43" fontId="4" fillId="0" borderId="11" xfId="5" applyFont="1" applyFill="1" applyBorder="1" applyAlignment="1">
      <alignment horizontal="right" vertical="center"/>
    </xf>
    <xf numFmtId="43" fontId="4" fillId="0" borderId="4" xfId="5" applyFont="1" applyFill="1" applyBorder="1" applyAlignment="1">
      <alignment horizontal="right" vertical="center"/>
    </xf>
    <xf numFmtId="43" fontId="4" fillId="0" borderId="6" xfId="5" applyFont="1" applyFill="1" applyBorder="1" applyAlignment="1">
      <alignment horizontal="right" vertical="center"/>
    </xf>
    <xf numFmtId="43" fontId="4" fillId="0" borderId="1" xfId="5" applyFont="1" applyFill="1" applyBorder="1" applyAlignment="1">
      <alignment horizontal="right" vertical="center"/>
    </xf>
    <xf numFmtId="43" fontId="4" fillId="0" borderId="7" xfId="5" applyFont="1" applyFill="1" applyBorder="1" applyAlignment="1">
      <alignment horizontal="right" vertical="center"/>
    </xf>
    <xf numFmtId="43" fontId="4" fillId="0" borderId="12" xfId="5" applyFont="1" applyFill="1" applyBorder="1" applyAlignment="1">
      <alignment horizontal="right"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43" fontId="5" fillId="2" borderId="9" xfId="1" applyNumberFormat="1" applyFont="1" applyFill="1" applyBorder="1" applyAlignment="1">
      <alignment horizontal="center" vertical="center"/>
    </xf>
    <xf numFmtId="0" fontId="4" fillId="0" borderId="0" xfId="0" applyFont="1" applyFill="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5" fillId="0" borderId="6" xfId="1" applyFont="1" applyFill="1" applyBorder="1" applyAlignment="1">
      <alignment horizontal="left" vertical="center"/>
    </xf>
    <xf numFmtId="0" fontId="5" fillId="2" borderId="11"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1" xfId="1" applyFont="1" applyFill="1" applyBorder="1" applyAlignment="1">
      <alignment horizontal="center" vertical="center" wrapText="1"/>
    </xf>
    <xf numFmtId="43" fontId="5" fillId="0" borderId="1" xfId="5" applyFont="1" applyFill="1" applyBorder="1" applyAlignment="1">
      <alignment horizontal="right" vertical="center"/>
    </xf>
    <xf numFmtId="43" fontId="5" fillId="0" borderId="7" xfId="5" applyFont="1" applyFill="1" applyBorder="1" applyAlignment="1">
      <alignment horizontal="right"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165" fontId="5" fillId="0" borderId="11" xfId="1" applyNumberFormat="1" applyFont="1" applyFill="1" applyBorder="1" applyAlignment="1">
      <alignment horizontal="center" vertical="center"/>
    </xf>
    <xf numFmtId="165" fontId="5" fillId="0" borderId="6" xfId="1" applyNumberFormat="1" applyFont="1" applyFill="1" applyBorder="1" applyAlignment="1">
      <alignment horizontal="center" vertical="center"/>
    </xf>
    <xf numFmtId="43" fontId="5" fillId="0" borderId="8" xfId="5" applyNumberFormat="1" applyFont="1" applyFill="1" applyBorder="1" applyAlignment="1">
      <alignment horizontal="center" vertical="center"/>
    </xf>
    <xf numFmtId="43" fontId="5" fillId="0" borderId="3" xfId="5" applyNumberFormat="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43" fontId="5" fillId="0" borderId="11" xfId="5" applyFont="1" applyBorder="1" applyAlignment="1">
      <alignment horizontal="right" vertical="center" wrapText="1"/>
    </xf>
    <xf numFmtId="43" fontId="5" fillId="0" borderId="6" xfId="5" applyFont="1" applyBorder="1" applyAlignment="1">
      <alignment horizontal="right" vertical="center" wrapText="1"/>
    </xf>
    <xf numFmtId="43" fontId="5" fillId="2" borderId="15" xfId="1" applyNumberFormat="1" applyFont="1" applyFill="1" applyBorder="1" applyAlignment="1">
      <alignment horizontal="right" vertical="center"/>
    </xf>
    <xf numFmtId="0" fontId="5" fillId="0" borderId="0" xfId="1" applyNumberFormat="1" applyFont="1" applyFill="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43" fontId="4" fillId="0" borderId="1" xfId="1" applyNumberFormat="1" applyFont="1" applyFill="1" applyBorder="1" applyAlignment="1">
      <alignment horizontal="center" vertical="center"/>
    </xf>
    <xf numFmtId="43" fontId="4" fillId="0" borderId="7" xfId="1" applyNumberFormat="1" applyFont="1" applyFill="1" applyBorder="1" applyAlignment="1">
      <alignment horizontal="center" vertical="center"/>
    </xf>
    <xf numFmtId="0" fontId="5" fillId="0" borderId="0" xfId="1" applyNumberFormat="1" applyFont="1" applyAlignment="1">
      <alignment horizontal="center" vertical="center" wrapText="1"/>
    </xf>
    <xf numFmtId="0" fontId="5" fillId="0" borderId="3" xfId="1" applyFont="1" applyFill="1" applyBorder="1" applyAlignment="1">
      <alignment horizontal="center" vertical="center"/>
    </xf>
    <xf numFmtId="43" fontId="5" fillId="0" borderId="0" xfId="1" applyNumberFormat="1" applyFont="1" applyFill="1" applyBorder="1" applyAlignment="1">
      <alignment horizontal="center" vertical="center"/>
    </xf>
    <xf numFmtId="43" fontId="5" fillId="0" borderId="6" xfId="1" applyNumberFormat="1" applyFont="1" applyFill="1" applyBorder="1" applyAlignment="1">
      <alignment horizontal="center" vertical="center"/>
    </xf>
    <xf numFmtId="0" fontId="5" fillId="2" borderId="2" xfId="1" applyFont="1" applyFill="1" applyBorder="1" applyAlignment="1">
      <alignment horizontal="center" vertical="center" wrapText="1"/>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43" fontId="4" fillId="0" borderId="8" xfId="1" applyNumberFormat="1" applyFont="1" applyFill="1" applyBorder="1" applyAlignment="1">
      <alignment horizontal="center" vertical="center" wrapText="1"/>
    </xf>
    <xf numFmtId="43" fontId="4" fillId="0" borderId="3" xfId="1" applyNumberFormat="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4" fillId="0" borderId="8" xfId="1" applyFont="1" applyBorder="1" applyAlignment="1">
      <alignment horizontal="center" vertical="center"/>
    </xf>
    <xf numFmtId="0" fontId="4" fillId="0" borderId="0" xfId="1" applyFont="1" applyBorder="1" applyAlignment="1">
      <alignment horizontal="center" vertical="center"/>
    </xf>
    <xf numFmtId="0" fontId="5" fillId="2" borderId="10"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0" fontId="4" fillId="0" borderId="1" xfId="1" applyFont="1" applyBorder="1" applyAlignment="1">
      <alignment horizontal="center" vertical="center"/>
    </xf>
    <xf numFmtId="0" fontId="4" fillId="0" borderId="7" xfId="1" applyFont="1" applyBorder="1" applyAlignment="1">
      <alignment horizontal="center" vertical="center"/>
    </xf>
    <xf numFmtId="43" fontId="4" fillId="0" borderId="8" xfId="1" applyNumberFormat="1" applyFont="1" applyBorder="1" applyAlignment="1">
      <alignment horizontal="center" vertical="center"/>
    </xf>
    <xf numFmtId="43" fontId="4" fillId="0" borderId="0" xfId="1" applyNumberFormat="1" applyFont="1" applyBorder="1" applyAlignment="1">
      <alignment horizontal="center" vertical="center"/>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4" fillId="0" borderId="11" xfId="1" applyFont="1" applyBorder="1" applyAlignment="1">
      <alignment horizontal="center" vertical="center"/>
    </xf>
    <xf numFmtId="0" fontId="4" fillId="0" borderId="4" xfId="1" applyFont="1" applyBorder="1" applyAlignment="1">
      <alignment horizontal="center" vertical="center"/>
    </xf>
    <xf numFmtId="43" fontId="5" fillId="2" borderId="5" xfId="1" applyNumberFormat="1" applyFont="1" applyFill="1" applyBorder="1" applyAlignment="1">
      <alignment horizontal="center" vertical="center"/>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43" fontId="5" fillId="2" borderId="10" xfId="0" applyNumberFormat="1" applyFont="1" applyFill="1" applyBorder="1" applyAlignment="1">
      <alignment horizontal="right" vertical="center"/>
    </xf>
    <xf numFmtId="43" fontId="5" fillId="2" borderId="5" xfId="0" applyNumberFormat="1" applyFont="1" applyFill="1" applyBorder="1" applyAlignment="1">
      <alignment horizontal="right" vertical="center"/>
    </xf>
    <xf numFmtId="0" fontId="5" fillId="2" borderId="5" xfId="1" applyFont="1" applyFill="1" applyBorder="1" applyAlignment="1">
      <alignment vertical="center"/>
    </xf>
    <xf numFmtId="0" fontId="5" fillId="2" borderId="9" xfId="1" applyFont="1" applyFill="1" applyBorder="1" applyAlignment="1">
      <alignment horizontal="left" vertical="center" wrapText="1"/>
    </xf>
    <xf numFmtId="43" fontId="4" fillId="0" borderId="5" xfId="1" applyNumberFormat="1" applyFont="1" applyFill="1" applyBorder="1" applyAlignment="1">
      <alignment vertical="center"/>
    </xf>
    <xf numFmtId="0" fontId="5" fillId="2" borderId="7" xfId="1" applyFont="1" applyFill="1" applyBorder="1" applyAlignment="1">
      <alignment horizontal="center" vertical="top"/>
    </xf>
    <xf numFmtId="43" fontId="5" fillId="0" borderId="7" xfId="1" applyNumberFormat="1" applyFont="1" applyFill="1" applyBorder="1" applyAlignment="1">
      <alignment horizontal="center"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4" fillId="0" borderId="1" xfId="0" applyFont="1" applyFill="1" applyBorder="1" applyAlignment="1">
      <alignment horizontal="left" vertical="center"/>
    </xf>
    <xf numFmtId="0" fontId="4" fillId="0" borderId="7" xfId="0" applyFont="1" applyFill="1" applyBorder="1" applyAlignment="1">
      <alignment horizontal="left" vertical="center"/>
    </xf>
    <xf numFmtId="0" fontId="4" fillId="0" borderId="12" xfId="0" applyFont="1" applyFill="1" applyBorder="1" applyAlignment="1">
      <alignment horizontal="left" vertical="center"/>
    </xf>
    <xf numFmtId="164" fontId="4" fillId="0" borderId="1" xfId="0" applyNumberFormat="1" applyFont="1" applyFill="1" applyBorder="1" applyAlignment="1">
      <alignment horizontal="left" vertical="center"/>
    </xf>
    <xf numFmtId="164" fontId="4" fillId="0" borderId="7" xfId="0" applyNumberFormat="1" applyFont="1" applyFill="1" applyBorder="1" applyAlignment="1">
      <alignment horizontal="left" vertical="center"/>
    </xf>
    <xf numFmtId="0" fontId="5" fillId="0" borderId="11" xfId="0" applyFont="1" applyFill="1" applyBorder="1" applyAlignment="1">
      <alignment horizontal="left" vertical="center"/>
    </xf>
    <xf numFmtId="0" fontId="5" fillId="0" borderId="4" xfId="0" applyFont="1" applyFill="1" applyBorder="1" applyAlignment="1">
      <alignment horizontal="left" vertical="center"/>
    </xf>
    <xf numFmtId="0" fontId="5" fillId="0" borderId="6" xfId="0" applyFont="1" applyFill="1" applyBorder="1" applyAlignment="1">
      <alignment horizontal="left" vertical="center"/>
    </xf>
    <xf numFmtId="164" fontId="5" fillId="0" borderId="11" xfId="0" applyNumberFormat="1" applyFont="1" applyFill="1" applyBorder="1" applyAlignment="1">
      <alignment horizontal="left" vertical="center"/>
    </xf>
    <xf numFmtId="164" fontId="5" fillId="0" borderId="4" xfId="0" applyNumberFormat="1" applyFont="1" applyFill="1" applyBorder="1" applyAlignment="1">
      <alignment horizontal="left" vertical="center"/>
    </xf>
    <xf numFmtId="0" fontId="4" fillId="0" borderId="8" xfId="0" applyFont="1" applyFill="1" applyBorder="1" applyAlignment="1">
      <alignment horizontal="left" vertical="center"/>
    </xf>
    <xf numFmtId="0" fontId="4" fillId="0" borderId="0" xfId="0" applyFont="1" applyFill="1" applyAlignment="1">
      <alignment horizontal="left" vertical="center"/>
    </xf>
    <xf numFmtId="0" fontId="4" fillId="0" borderId="3" xfId="0" applyFont="1" applyFill="1" applyBorder="1" applyAlignment="1">
      <alignment horizontal="left" vertical="center"/>
    </xf>
    <xf numFmtId="0" fontId="4" fillId="0" borderId="0" xfId="0" applyFont="1" applyFill="1" applyBorder="1" applyAlignment="1">
      <alignment horizontal="left" vertical="center"/>
    </xf>
    <xf numFmtId="164" fontId="4" fillId="0" borderId="8" xfId="0" applyNumberFormat="1" applyFont="1" applyFill="1" applyBorder="1" applyAlignment="1">
      <alignment horizontal="left" vertical="center"/>
    </xf>
    <xf numFmtId="164" fontId="4" fillId="0" borderId="0" xfId="0" applyNumberFormat="1" applyFont="1" applyFill="1" applyBorder="1" applyAlignment="1">
      <alignment horizontal="left" vertical="center"/>
    </xf>
    <xf numFmtId="0" fontId="4" fillId="0" borderId="11" xfId="0" applyFont="1" applyFill="1" applyBorder="1" applyAlignment="1">
      <alignment horizontal="left" vertical="center"/>
    </xf>
    <xf numFmtId="0" fontId="4" fillId="0" borderId="4" xfId="0" applyFont="1" applyFill="1" applyBorder="1" applyAlignment="1">
      <alignment horizontal="left" vertical="center"/>
    </xf>
    <xf numFmtId="0" fontId="4" fillId="0" borderId="6" xfId="0" applyFont="1" applyFill="1" applyBorder="1" applyAlignment="1">
      <alignment horizontal="left" vertical="center"/>
    </xf>
    <xf numFmtId="164" fontId="4" fillId="0" borderId="11" xfId="0" applyNumberFormat="1" applyFont="1" applyFill="1" applyBorder="1" applyAlignment="1">
      <alignment horizontal="left" vertical="center"/>
    </xf>
    <xf numFmtId="164" fontId="4" fillId="0" borderId="4" xfId="0" applyNumberFormat="1" applyFont="1" applyFill="1" applyBorder="1" applyAlignment="1">
      <alignment horizontal="left" vertical="center"/>
    </xf>
    <xf numFmtId="0" fontId="5" fillId="2" borderId="10" xfId="0" applyFont="1" applyFill="1" applyBorder="1" applyAlignment="1">
      <alignment horizontal="left" vertical="center"/>
    </xf>
    <xf numFmtId="0" fontId="5" fillId="2" borderId="5" xfId="0" applyFont="1" applyFill="1" applyBorder="1" applyAlignment="1">
      <alignment horizontal="left" vertical="center"/>
    </xf>
    <xf numFmtId="0" fontId="5" fillId="2" borderId="9" xfId="0" applyFont="1" applyFill="1" applyBorder="1" applyAlignment="1">
      <alignment horizontal="left" vertical="center"/>
    </xf>
    <xf numFmtId="164" fontId="5" fillId="2" borderId="10" xfId="0" applyNumberFormat="1" applyFont="1" applyFill="1" applyBorder="1" applyAlignment="1">
      <alignment horizontal="left" vertical="center"/>
    </xf>
    <xf numFmtId="164" fontId="5" fillId="2" borderId="5" xfId="0" applyNumberFormat="1" applyFont="1" applyFill="1" applyBorder="1" applyAlignment="1">
      <alignment horizontal="left" vertical="center"/>
    </xf>
    <xf numFmtId="164"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1" xfId="0" applyFont="1" applyFill="1" applyBorder="1" applyAlignment="1">
      <alignment horizontal="center" vertical="center"/>
    </xf>
    <xf numFmtId="0" fontId="4" fillId="0" borderId="7" xfId="0" applyFont="1" applyFill="1" applyBorder="1" applyAlignment="1">
      <alignment horizontal="center" vertical="center"/>
    </xf>
    <xf numFmtId="43" fontId="5" fillId="0" borderId="8" xfId="0" applyNumberFormat="1" applyFont="1" applyFill="1" applyBorder="1" applyAlignment="1">
      <alignment horizontal="center" vertical="center"/>
    </xf>
    <xf numFmtId="0" fontId="5" fillId="0" borderId="0" xfId="0" applyFont="1" applyFill="1" applyBorder="1" applyAlignment="1">
      <alignment horizontal="center" vertical="center"/>
    </xf>
    <xf numFmtId="43" fontId="4" fillId="0" borderId="11" xfId="0" applyNumberFormat="1" applyFont="1" applyFill="1" applyBorder="1" applyAlignment="1">
      <alignment horizontal="center" vertical="center" wrapText="1"/>
    </xf>
    <xf numFmtId="0" fontId="4" fillId="0" borderId="4" xfId="0" applyFont="1" applyFill="1" applyBorder="1" applyAlignment="1">
      <alignment horizontal="center" vertical="center" wrapText="1"/>
    </xf>
    <xf numFmtId="43" fontId="4" fillId="0" borderId="8"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43" fontId="4" fillId="0" borderId="11" xfId="0" applyNumberFormat="1" applyFont="1" applyFill="1" applyBorder="1" applyAlignment="1">
      <alignment horizontal="center" vertical="center"/>
    </xf>
    <xf numFmtId="43" fontId="4" fillId="0" borderId="4" xfId="0" applyNumberFormat="1" applyFont="1" applyFill="1" applyBorder="1" applyAlignment="1">
      <alignment horizontal="center" vertical="center"/>
    </xf>
    <xf numFmtId="43" fontId="4" fillId="0" borderId="1" xfId="0" applyNumberFormat="1" applyFont="1" applyFill="1" applyBorder="1" applyAlignment="1">
      <alignment horizontal="center" vertical="center"/>
    </xf>
    <xf numFmtId="43" fontId="4" fillId="0" borderId="7"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0" fontId="5" fillId="0" borderId="8" xfId="0"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1</xdr:col>
      <xdr:colOff>92078</xdr:colOff>
      <xdr:row>129</xdr:row>
      <xdr:rowOff>0</xdr:rowOff>
    </xdr:from>
    <xdr:to>
      <xdr:col>3</xdr:col>
      <xdr:colOff>495302</xdr:colOff>
      <xdr:row>133</xdr:row>
      <xdr:rowOff>69850</xdr:rowOff>
    </xdr:to>
    <xdr:sp macro="" textlink="">
      <xdr:nvSpPr>
        <xdr:cNvPr id="2" name="CaixaDeTexto 1"/>
        <xdr:cNvSpPr txBox="1"/>
      </xdr:nvSpPr>
      <xdr:spPr>
        <a:xfrm>
          <a:off x="3921128" y="20402550"/>
          <a:ext cx="3251199"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6</xdr:col>
      <xdr:colOff>600078</xdr:colOff>
      <xdr:row>128</xdr:row>
      <xdr:rowOff>129117</xdr:rowOff>
    </xdr:from>
    <xdr:to>
      <xdr:col>9</xdr:col>
      <xdr:colOff>479427</xdr:colOff>
      <xdr:row>133</xdr:row>
      <xdr:rowOff>50800</xdr:rowOff>
    </xdr:to>
    <xdr:sp macro="" textlink="">
      <xdr:nvSpPr>
        <xdr:cNvPr id="3" name="CaixaDeTexto 2"/>
        <xdr:cNvSpPr txBox="1"/>
      </xdr:nvSpPr>
      <xdr:spPr>
        <a:xfrm>
          <a:off x="11119911" y="18861617"/>
          <a:ext cx="3943349" cy="66251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1</xdr:col>
      <xdr:colOff>0</xdr:colOff>
      <xdr:row>137</xdr:row>
      <xdr:rowOff>107497</xdr:rowOff>
    </xdr:from>
    <xdr:to>
      <xdr:col>3</xdr:col>
      <xdr:colOff>673104</xdr:colOff>
      <xdr:row>142</xdr:row>
      <xdr:rowOff>40822</xdr:rowOff>
    </xdr:to>
    <xdr:sp macro="" textlink="">
      <xdr:nvSpPr>
        <xdr:cNvPr id="4" name="CaixaDeTexto 3"/>
        <xdr:cNvSpPr txBox="1"/>
      </xdr:nvSpPr>
      <xdr:spPr>
        <a:xfrm>
          <a:off x="3823607" y="20109997"/>
          <a:ext cx="3516997" cy="68171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6</xdr:col>
      <xdr:colOff>926196</xdr:colOff>
      <xdr:row>137</xdr:row>
      <xdr:rowOff>123371</xdr:rowOff>
    </xdr:from>
    <xdr:to>
      <xdr:col>9</xdr:col>
      <xdr:colOff>113395</xdr:colOff>
      <xdr:row>142</xdr:row>
      <xdr:rowOff>53521</xdr:rowOff>
    </xdr:to>
    <xdr:sp macro="" textlink="">
      <xdr:nvSpPr>
        <xdr:cNvPr id="5" name="CaixaDeTexto 4"/>
        <xdr:cNvSpPr txBox="1"/>
      </xdr:nvSpPr>
      <xdr:spPr>
        <a:xfrm>
          <a:off x="11430910" y="20125871"/>
          <a:ext cx="3242128" cy="67854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92078</xdr:colOff>
      <xdr:row>96</xdr:row>
      <xdr:rowOff>0</xdr:rowOff>
    </xdr:from>
    <xdr:to>
      <xdr:col>0</xdr:col>
      <xdr:colOff>3371852</xdr:colOff>
      <xdr:row>100</xdr:row>
      <xdr:rowOff>69850</xdr:rowOff>
    </xdr:to>
    <xdr:sp macro="" textlink="">
      <xdr:nvSpPr>
        <xdr:cNvPr id="2" name="CaixaDeTexto 1"/>
        <xdr:cNvSpPr txBox="1"/>
      </xdr:nvSpPr>
      <xdr:spPr>
        <a:xfrm>
          <a:off x="92078" y="13658850"/>
          <a:ext cx="327977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0</xdr:colOff>
      <xdr:row>104</xdr:row>
      <xdr:rowOff>66675</xdr:rowOff>
    </xdr:from>
    <xdr:to>
      <xdr:col>0</xdr:col>
      <xdr:colOff>3549654</xdr:colOff>
      <xdr:row>109</xdr:row>
      <xdr:rowOff>0</xdr:rowOff>
    </xdr:to>
    <xdr:sp macro="" textlink="">
      <xdr:nvSpPr>
        <xdr:cNvPr id="4" name="CaixaDeTexto 3"/>
        <xdr:cNvSpPr txBox="1"/>
      </xdr:nvSpPr>
      <xdr:spPr>
        <a:xfrm>
          <a:off x="0" y="14868525"/>
          <a:ext cx="354965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endParaRPr lang="pt-BR" sz="800">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711203</xdr:colOff>
      <xdr:row>104</xdr:row>
      <xdr:rowOff>82550</xdr:rowOff>
    </xdr:from>
    <xdr:to>
      <xdr:col>6</xdr:col>
      <xdr:colOff>698502</xdr:colOff>
      <xdr:row>109</xdr:row>
      <xdr:rowOff>12700</xdr:rowOff>
    </xdr:to>
    <xdr:sp macro="" textlink="">
      <xdr:nvSpPr>
        <xdr:cNvPr id="5" name="CaixaDeTexto 4"/>
        <xdr:cNvSpPr txBox="1"/>
      </xdr:nvSpPr>
      <xdr:spPr>
        <a:xfrm>
          <a:off x="6911978" y="14884400"/>
          <a:ext cx="3282949"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3</xdr:col>
      <xdr:colOff>497417</xdr:colOff>
      <xdr:row>95</xdr:row>
      <xdr:rowOff>127000</xdr:rowOff>
    </xdr:from>
    <xdr:to>
      <xdr:col>6</xdr:col>
      <xdr:colOff>896862</xdr:colOff>
      <xdr:row>100</xdr:row>
      <xdr:rowOff>56243</xdr:rowOff>
    </xdr:to>
    <xdr:sp macro="" textlink="">
      <xdr:nvSpPr>
        <xdr:cNvPr id="6" name="CaixaDeTexto 5"/>
        <xdr:cNvSpPr txBox="1"/>
      </xdr:nvSpPr>
      <xdr:spPr>
        <a:xfrm>
          <a:off x="6773334" y="14160500"/>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930278</xdr:colOff>
      <xdr:row>192</xdr:row>
      <xdr:rowOff>0</xdr:rowOff>
    </xdr:from>
    <xdr:to>
      <xdr:col>0</xdr:col>
      <xdr:colOff>4210052</xdr:colOff>
      <xdr:row>196</xdr:row>
      <xdr:rowOff>69850</xdr:rowOff>
    </xdr:to>
    <xdr:sp macro="" textlink="">
      <xdr:nvSpPr>
        <xdr:cNvPr id="2" name="CaixaDeTexto 1"/>
        <xdr:cNvSpPr txBox="1"/>
      </xdr:nvSpPr>
      <xdr:spPr>
        <a:xfrm>
          <a:off x="930278" y="32927925"/>
          <a:ext cx="327977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838200</xdr:colOff>
      <xdr:row>200</xdr:row>
      <xdr:rowOff>66675</xdr:rowOff>
    </xdr:from>
    <xdr:to>
      <xdr:col>0</xdr:col>
      <xdr:colOff>4387854</xdr:colOff>
      <xdr:row>205</xdr:row>
      <xdr:rowOff>0</xdr:rowOff>
    </xdr:to>
    <xdr:sp macro="" textlink="">
      <xdr:nvSpPr>
        <xdr:cNvPr id="4" name="CaixaDeTexto 3"/>
        <xdr:cNvSpPr txBox="1"/>
      </xdr:nvSpPr>
      <xdr:spPr>
        <a:xfrm>
          <a:off x="838200" y="34137600"/>
          <a:ext cx="354965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253999</xdr:colOff>
      <xdr:row>200</xdr:row>
      <xdr:rowOff>71966</xdr:rowOff>
    </xdr:from>
    <xdr:to>
      <xdr:col>7</xdr:col>
      <xdr:colOff>38105</xdr:colOff>
      <xdr:row>205</xdr:row>
      <xdr:rowOff>2116</xdr:rowOff>
    </xdr:to>
    <xdr:sp macro="" textlink="">
      <xdr:nvSpPr>
        <xdr:cNvPr id="5" name="CaixaDeTexto 4"/>
        <xdr:cNvSpPr txBox="1"/>
      </xdr:nvSpPr>
      <xdr:spPr>
        <a:xfrm>
          <a:off x="7715249" y="34626549"/>
          <a:ext cx="4229106" cy="67098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3</xdr:col>
      <xdr:colOff>391583</xdr:colOff>
      <xdr:row>191</xdr:row>
      <xdr:rowOff>137584</xdr:rowOff>
    </xdr:from>
    <xdr:to>
      <xdr:col>6</xdr:col>
      <xdr:colOff>939194</xdr:colOff>
      <xdr:row>196</xdr:row>
      <xdr:rowOff>66826</xdr:rowOff>
    </xdr:to>
    <xdr:sp macro="" textlink="">
      <xdr:nvSpPr>
        <xdr:cNvPr id="6" name="CaixaDeTexto 5"/>
        <xdr:cNvSpPr txBox="1"/>
      </xdr:nvSpPr>
      <xdr:spPr>
        <a:xfrm>
          <a:off x="7852833" y="33358667"/>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815978</xdr:colOff>
      <xdr:row>130</xdr:row>
      <xdr:rowOff>19050</xdr:rowOff>
    </xdr:from>
    <xdr:to>
      <xdr:col>0</xdr:col>
      <xdr:colOff>4095752</xdr:colOff>
      <xdr:row>135</xdr:row>
      <xdr:rowOff>31750</xdr:rowOff>
    </xdr:to>
    <xdr:sp macro="" textlink="">
      <xdr:nvSpPr>
        <xdr:cNvPr id="2" name="CaixaDeTexto 1"/>
        <xdr:cNvSpPr txBox="1"/>
      </xdr:nvSpPr>
      <xdr:spPr>
        <a:xfrm>
          <a:off x="815978" y="22926675"/>
          <a:ext cx="3279774" cy="6794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4</xdr:col>
      <xdr:colOff>66678</xdr:colOff>
      <xdr:row>130</xdr:row>
      <xdr:rowOff>15875</xdr:rowOff>
    </xdr:from>
    <xdr:to>
      <xdr:col>7</xdr:col>
      <xdr:colOff>650877</xdr:colOff>
      <xdr:row>135</xdr:row>
      <xdr:rowOff>28575</xdr:rowOff>
    </xdr:to>
    <xdr:sp macro="" textlink="">
      <xdr:nvSpPr>
        <xdr:cNvPr id="3" name="CaixaDeTexto 2"/>
        <xdr:cNvSpPr txBox="1"/>
      </xdr:nvSpPr>
      <xdr:spPr>
        <a:xfrm>
          <a:off x="8029578" y="22828250"/>
          <a:ext cx="4060824" cy="6794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0</xdr:col>
      <xdr:colOff>723900</xdr:colOff>
      <xdr:row>138</xdr:row>
      <xdr:rowOff>104775</xdr:rowOff>
    </xdr:from>
    <xdr:to>
      <xdr:col>1</xdr:col>
      <xdr:colOff>63504</xdr:colOff>
      <xdr:row>144</xdr:row>
      <xdr:rowOff>0</xdr:rowOff>
    </xdr:to>
    <xdr:sp macro="" textlink="">
      <xdr:nvSpPr>
        <xdr:cNvPr id="4" name="CaixaDeTexto 3"/>
        <xdr:cNvSpPr txBox="1"/>
      </xdr:nvSpPr>
      <xdr:spPr>
        <a:xfrm>
          <a:off x="723900" y="24212550"/>
          <a:ext cx="3549654" cy="6953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762000</xdr:colOff>
      <xdr:row>138</xdr:row>
      <xdr:rowOff>120650</xdr:rowOff>
    </xdr:from>
    <xdr:to>
      <xdr:col>8</xdr:col>
      <xdr:colOff>0</xdr:colOff>
      <xdr:row>144</xdr:row>
      <xdr:rowOff>12700</xdr:rowOff>
    </xdr:to>
    <xdr:sp macro="" textlink="">
      <xdr:nvSpPr>
        <xdr:cNvPr id="5" name="CaixaDeTexto 4"/>
        <xdr:cNvSpPr txBox="1"/>
      </xdr:nvSpPr>
      <xdr:spPr>
        <a:xfrm>
          <a:off x="7543800" y="23999825"/>
          <a:ext cx="5019680" cy="6921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661071</xdr:colOff>
      <xdr:row>49</xdr:row>
      <xdr:rowOff>97330</xdr:rowOff>
    </xdr:from>
    <xdr:to>
      <xdr:col>1</xdr:col>
      <xdr:colOff>800101</xdr:colOff>
      <xdr:row>54</xdr:row>
      <xdr:rowOff>0</xdr:rowOff>
    </xdr:to>
    <xdr:sp macro="" textlink="">
      <xdr:nvSpPr>
        <xdr:cNvPr id="2" name="CaixaDeTexto 1"/>
        <xdr:cNvSpPr txBox="1"/>
      </xdr:nvSpPr>
      <xdr:spPr>
        <a:xfrm>
          <a:off x="1661071" y="6802930"/>
          <a:ext cx="2396580" cy="6170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5</xdr:col>
      <xdr:colOff>111567</xdr:colOff>
      <xdr:row>49</xdr:row>
      <xdr:rowOff>90323</xdr:rowOff>
    </xdr:from>
    <xdr:to>
      <xdr:col>10</xdr:col>
      <xdr:colOff>361950</xdr:colOff>
      <xdr:row>54</xdr:row>
      <xdr:rowOff>0</xdr:rowOff>
    </xdr:to>
    <xdr:sp macro="" textlink="">
      <xdr:nvSpPr>
        <xdr:cNvPr id="3" name="CaixaDeTexto 2"/>
        <xdr:cNvSpPr txBox="1"/>
      </xdr:nvSpPr>
      <xdr:spPr>
        <a:xfrm>
          <a:off x="6340917" y="6795923"/>
          <a:ext cx="2488758" cy="62405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0</xdr:col>
      <xdr:colOff>1428357</xdr:colOff>
      <xdr:row>57</xdr:row>
      <xdr:rowOff>104094</xdr:rowOff>
    </xdr:from>
    <xdr:to>
      <xdr:col>1</xdr:col>
      <xdr:colOff>803207</xdr:colOff>
      <xdr:row>62</xdr:row>
      <xdr:rowOff>53841</xdr:rowOff>
    </xdr:to>
    <xdr:sp macro="" textlink="">
      <xdr:nvSpPr>
        <xdr:cNvPr id="4" name="CaixaDeTexto 3"/>
        <xdr:cNvSpPr txBox="1"/>
      </xdr:nvSpPr>
      <xdr:spPr>
        <a:xfrm>
          <a:off x="1428357" y="7952694"/>
          <a:ext cx="2632400" cy="66412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4</xdr:col>
      <xdr:colOff>142875</xdr:colOff>
      <xdr:row>57</xdr:row>
      <xdr:rowOff>97634</xdr:rowOff>
    </xdr:from>
    <xdr:to>
      <xdr:col>11</xdr:col>
      <xdr:colOff>228828</xdr:colOff>
      <xdr:row>62</xdr:row>
      <xdr:rowOff>44206</xdr:rowOff>
    </xdr:to>
    <xdr:sp macro="" textlink="">
      <xdr:nvSpPr>
        <xdr:cNvPr id="5" name="CaixaDeTexto 4"/>
        <xdr:cNvSpPr txBox="1"/>
      </xdr:nvSpPr>
      <xdr:spPr>
        <a:xfrm>
          <a:off x="5924550" y="7946234"/>
          <a:ext cx="3219678" cy="6609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682628</xdr:colOff>
      <xdr:row>98</xdr:row>
      <xdr:rowOff>0</xdr:rowOff>
    </xdr:from>
    <xdr:to>
      <xdr:col>0</xdr:col>
      <xdr:colOff>3962402</xdr:colOff>
      <xdr:row>102</xdr:row>
      <xdr:rowOff>69850</xdr:rowOff>
    </xdr:to>
    <xdr:sp macro="" textlink="">
      <xdr:nvSpPr>
        <xdr:cNvPr id="2" name="CaixaDeTexto 1"/>
        <xdr:cNvSpPr txBox="1"/>
      </xdr:nvSpPr>
      <xdr:spPr>
        <a:xfrm>
          <a:off x="682628" y="15354300"/>
          <a:ext cx="327977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14401</xdr:colOff>
      <xdr:row>97</xdr:row>
      <xdr:rowOff>120650</xdr:rowOff>
    </xdr:from>
    <xdr:to>
      <xdr:col>4</xdr:col>
      <xdr:colOff>593730</xdr:colOff>
      <xdr:row>102</xdr:row>
      <xdr:rowOff>47625</xdr:rowOff>
    </xdr:to>
    <xdr:sp macro="" textlink="">
      <xdr:nvSpPr>
        <xdr:cNvPr id="3" name="CaixaDeTexto 2"/>
        <xdr:cNvSpPr txBox="1"/>
      </xdr:nvSpPr>
      <xdr:spPr>
        <a:xfrm>
          <a:off x="7086601" y="14893925"/>
          <a:ext cx="395605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0</xdr:col>
      <xdr:colOff>590550</xdr:colOff>
      <xdr:row>106</xdr:row>
      <xdr:rowOff>66675</xdr:rowOff>
    </xdr:from>
    <xdr:to>
      <xdr:col>0</xdr:col>
      <xdr:colOff>4140204</xdr:colOff>
      <xdr:row>111</xdr:row>
      <xdr:rowOff>0</xdr:rowOff>
    </xdr:to>
    <xdr:sp macro="" textlink="">
      <xdr:nvSpPr>
        <xdr:cNvPr id="4" name="CaixaDeTexto 3"/>
        <xdr:cNvSpPr txBox="1"/>
      </xdr:nvSpPr>
      <xdr:spPr>
        <a:xfrm>
          <a:off x="590550" y="16563975"/>
          <a:ext cx="354965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1</xdr:col>
      <xdr:colOff>647701</xdr:colOff>
      <xdr:row>106</xdr:row>
      <xdr:rowOff>111125</xdr:rowOff>
    </xdr:from>
    <xdr:to>
      <xdr:col>4</xdr:col>
      <xdr:colOff>781050</xdr:colOff>
      <xdr:row>111</xdr:row>
      <xdr:rowOff>41275</xdr:rowOff>
    </xdr:to>
    <xdr:sp macro="" textlink="">
      <xdr:nvSpPr>
        <xdr:cNvPr id="5" name="CaixaDeTexto 4"/>
        <xdr:cNvSpPr txBox="1"/>
      </xdr:nvSpPr>
      <xdr:spPr>
        <a:xfrm>
          <a:off x="6819901" y="16170275"/>
          <a:ext cx="4410074"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92078</xdr:colOff>
      <xdr:row>100</xdr:row>
      <xdr:rowOff>0</xdr:rowOff>
    </xdr:from>
    <xdr:to>
      <xdr:col>3</xdr:col>
      <xdr:colOff>495302</xdr:colOff>
      <xdr:row>104</xdr:row>
      <xdr:rowOff>69850</xdr:rowOff>
    </xdr:to>
    <xdr:sp macro="" textlink="">
      <xdr:nvSpPr>
        <xdr:cNvPr id="2" name="CaixaDeTexto 1"/>
        <xdr:cNvSpPr txBox="1"/>
      </xdr:nvSpPr>
      <xdr:spPr>
        <a:xfrm>
          <a:off x="3921128" y="13763625"/>
          <a:ext cx="261302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6</xdr:col>
      <xdr:colOff>600078</xdr:colOff>
      <xdr:row>99</xdr:row>
      <xdr:rowOff>129117</xdr:rowOff>
    </xdr:from>
    <xdr:to>
      <xdr:col>9</xdr:col>
      <xdr:colOff>479427</xdr:colOff>
      <xdr:row>104</xdr:row>
      <xdr:rowOff>50800</xdr:rowOff>
    </xdr:to>
    <xdr:sp macro="" textlink="">
      <xdr:nvSpPr>
        <xdr:cNvPr id="3" name="CaixaDeTexto 2"/>
        <xdr:cNvSpPr txBox="1"/>
      </xdr:nvSpPr>
      <xdr:spPr>
        <a:xfrm>
          <a:off x="9953628" y="13749867"/>
          <a:ext cx="3194049" cy="6360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1</xdr:col>
      <xdr:colOff>0</xdr:colOff>
      <xdr:row>108</xdr:row>
      <xdr:rowOff>107497</xdr:rowOff>
    </xdr:from>
    <xdr:to>
      <xdr:col>3</xdr:col>
      <xdr:colOff>673104</xdr:colOff>
      <xdr:row>113</xdr:row>
      <xdr:rowOff>40822</xdr:rowOff>
    </xdr:to>
    <xdr:sp macro="" textlink="">
      <xdr:nvSpPr>
        <xdr:cNvPr id="4" name="CaixaDeTexto 3"/>
        <xdr:cNvSpPr txBox="1"/>
      </xdr:nvSpPr>
      <xdr:spPr>
        <a:xfrm>
          <a:off x="3829050" y="15014122"/>
          <a:ext cx="288290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6</xdr:col>
      <xdr:colOff>534767</xdr:colOff>
      <xdr:row>108</xdr:row>
      <xdr:rowOff>123371</xdr:rowOff>
    </xdr:from>
    <xdr:to>
      <xdr:col>9</xdr:col>
      <xdr:colOff>504825</xdr:colOff>
      <xdr:row>113</xdr:row>
      <xdr:rowOff>53521</xdr:rowOff>
    </xdr:to>
    <xdr:sp macro="" textlink="">
      <xdr:nvSpPr>
        <xdr:cNvPr id="5" name="CaixaDeTexto 4"/>
        <xdr:cNvSpPr txBox="1"/>
      </xdr:nvSpPr>
      <xdr:spPr>
        <a:xfrm>
          <a:off x="9888317" y="15029996"/>
          <a:ext cx="3284758"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xdr:col>
      <xdr:colOff>73028</xdr:colOff>
      <xdr:row>182</xdr:row>
      <xdr:rowOff>57150</xdr:rowOff>
    </xdr:from>
    <xdr:to>
      <xdr:col>4</xdr:col>
      <xdr:colOff>571502</xdr:colOff>
      <xdr:row>186</xdr:row>
      <xdr:rowOff>127000</xdr:rowOff>
    </xdr:to>
    <xdr:sp macro="" textlink="">
      <xdr:nvSpPr>
        <xdr:cNvPr id="2" name="CaixaDeTexto 1"/>
        <xdr:cNvSpPr txBox="1"/>
      </xdr:nvSpPr>
      <xdr:spPr>
        <a:xfrm>
          <a:off x="4721228" y="24326850"/>
          <a:ext cx="3270249"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390650</xdr:colOff>
      <xdr:row>190</xdr:row>
      <xdr:rowOff>123825</xdr:rowOff>
    </xdr:from>
    <xdr:to>
      <xdr:col>4</xdr:col>
      <xdr:colOff>749304</xdr:colOff>
      <xdr:row>195</xdr:row>
      <xdr:rowOff>57150</xdr:rowOff>
    </xdr:to>
    <xdr:sp macro="" textlink="">
      <xdr:nvSpPr>
        <xdr:cNvPr id="4" name="CaixaDeTexto 3"/>
        <xdr:cNvSpPr txBox="1"/>
      </xdr:nvSpPr>
      <xdr:spPr>
        <a:xfrm>
          <a:off x="4629150" y="25536525"/>
          <a:ext cx="3540129"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7</xdr:col>
      <xdr:colOff>863603</xdr:colOff>
      <xdr:row>190</xdr:row>
      <xdr:rowOff>139700</xdr:rowOff>
    </xdr:from>
    <xdr:to>
      <xdr:col>10</xdr:col>
      <xdr:colOff>469902</xdr:colOff>
      <xdr:row>195</xdr:row>
      <xdr:rowOff>69850</xdr:rowOff>
    </xdr:to>
    <xdr:sp macro="" textlink="">
      <xdr:nvSpPr>
        <xdr:cNvPr id="5" name="CaixaDeTexto 4"/>
        <xdr:cNvSpPr txBox="1"/>
      </xdr:nvSpPr>
      <xdr:spPr>
        <a:xfrm>
          <a:off x="12026903" y="25552400"/>
          <a:ext cx="3273424"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7</xdr:col>
      <xdr:colOff>428625</xdr:colOff>
      <xdr:row>182</xdr:row>
      <xdr:rowOff>95250</xdr:rowOff>
    </xdr:from>
    <xdr:to>
      <xdr:col>10</xdr:col>
      <xdr:colOff>810078</xdr:colOff>
      <xdr:row>187</xdr:row>
      <xdr:rowOff>50951</xdr:rowOff>
    </xdr:to>
    <xdr:sp macro="" textlink="">
      <xdr:nvSpPr>
        <xdr:cNvPr id="6" name="CaixaDeTexto 5"/>
        <xdr:cNvSpPr txBox="1"/>
      </xdr:nvSpPr>
      <xdr:spPr>
        <a:xfrm>
          <a:off x="11363325" y="24364950"/>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2987678</xdr:colOff>
      <xdr:row>106</xdr:row>
      <xdr:rowOff>57150</xdr:rowOff>
    </xdr:from>
    <xdr:to>
      <xdr:col>3</xdr:col>
      <xdr:colOff>571502</xdr:colOff>
      <xdr:row>111</xdr:row>
      <xdr:rowOff>69850</xdr:rowOff>
    </xdr:to>
    <xdr:sp macro="" textlink="">
      <xdr:nvSpPr>
        <xdr:cNvPr id="2" name="CaixaDeTexto 1"/>
        <xdr:cNvSpPr txBox="1"/>
      </xdr:nvSpPr>
      <xdr:spPr>
        <a:xfrm>
          <a:off x="2987678" y="13687425"/>
          <a:ext cx="3251199" cy="6794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2895600</xdr:colOff>
      <xdr:row>116</xdr:row>
      <xdr:rowOff>9525</xdr:rowOff>
    </xdr:from>
    <xdr:to>
      <xdr:col>3</xdr:col>
      <xdr:colOff>749304</xdr:colOff>
      <xdr:row>121</xdr:row>
      <xdr:rowOff>38100</xdr:rowOff>
    </xdr:to>
    <xdr:sp macro="" textlink="">
      <xdr:nvSpPr>
        <xdr:cNvPr id="4" name="CaixaDeTexto 3"/>
        <xdr:cNvSpPr txBox="1"/>
      </xdr:nvSpPr>
      <xdr:spPr>
        <a:xfrm>
          <a:off x="2895600" y="14973300"/>
          <a:ext cx="3521079" cy="6953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6</xdr:col>
      <xdr:colOff>1225553</xdr:colOff>
      <xdr:row>116</xdr:row>
      <xdr:rowOff>25400</xdr:rowOff>
    </xdr:from>
    <xdr:to>
      <xdr:col>9</xdr:col>
      <xdr:colOff>755652</xdr:colOff>
      <xdr:row>121</xdr:row>
      <xdr:rowOff>50800</xdr:rowOff>
    </xdr:to>
    <xdr:sp macro="" textlink="">
      <xdr:nvSpPr>
        <xdr:cNvPr id="5" name="CaixaDeTexto 4"/>
        <xdr:cNvSpPr txBox="1"/>
      </xdr:nvSpPr>
      <xdr:spPr>
        <a:xfrm>
          <a:off x="10302878" y="14989175"/>
          <a:ext cx="3273424" cy="6921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6</xdr:col>
      <xdr:colOff>793750</xdr:colOff>
      <xdr:row>106</xdr:row>
      <xdr:rowOff>84667</xdr:rowOff>
    </xdr:from>
    <xdr:to>
      <xdr:col>10</xdr:col>
      <xdr:colOff>537028</xdr:colOff>
      <xdr:row>111</xdr:row>
      <xdr:rowOff>66826</xdr:rowOff>
    </xdr:to>
    <xdr:sp macro="" textlink="">
      <xdr:nvSpPr>
        <xdr:cNvPr id="6" name="CaixaDeTexto 5"/>
        <xdr:cNvSpPr txBox="1"/>
      </xdr:nvSpPr>
      <xdr:spPr>
        <a:xfrm>
          <a:off x="9376833" y="14276917"/>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1158878</xdr:colOff>
      <xdr:row>77</xdr:row>
      <xdr:rowOff>133350</xdr:rowOff>
    </xdr:from>
    <xdr:to>
      <xdr:col>2</xdr:col>
      <xdr:colOff>247652</xdr:colOff>
      <xdr:row>82</xdr:row>
      <xdr:rowOff>50800</xdr:rowOff>
    </xdr:to>
    <xdr:sp macro="" textlink="">
      <xdr:nvSpPr>
        <xdr:cNvPr id="2" name="CaixaDeTexto 1"/>
        <xdr:cNvSpPr txBox="1"/>
      </xdr:nvSpPr>
      <xdr:spPr>
        <a:xfrm>
          <a:off x="1158878" y="10067925"/>
          <a:ext cx="3270249" cy="631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1066800</xdr:colOff>
      <xdr:row>86</xdr:row>
      <xdr:rowOff>47625</xdr:rowOff>
    </xdr:from>
    <xdr:to>
      <xdr:col>2</xdr:col>
      <xdr:colOff>425454</xdr:colOff>
      <xdr:row>90</xdr:row>
      <xdr:rowOff>133350</xdr:rowOff>
    </xdr:to>
    <xdr:sp macro="" textlink="">
      <xdr:nvSpPr>
        <xdr:cNvPr id="4" name="CaixaDeTexto 3"/>
        <xdr:cNvSpPr txBox="1"/>
      </xdr:nvSpPr>
      <xdr:spPr>
        <a:xfrm>
          <a:off x="1066800" y="11268075"/>
          <a:ext cx="3540129" cy="657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5</xdr:col>
      <xdr:colOff>273053</xdr:colOff>
      <xdr:row>86</xdr:row>
      <xdr:rowOff>63500</xdr:rowOff>
    </xdr:from>
    <xdr:to>
      <xdr:col>7</xdr:col>
      <xdr:colOff>850902</xdr:colOff>
      <xdr:row>90</xdr:row>
      <xdr:rowOff>146050</xdr:rowOff>
    </xdr:to>
    <xdr:sp macro="" textlink="">
      <xdr:nvSpPr>
        <xdr:cNvPr id="5" name="CaixaDeTexto 4"/>
        <xdr:cNvSpPr txBox="1"/>
      </xdr:nvSpPr>
      <xdr:spPr>
        <a:xfrm>
          <a:off x="8464553" y="11283950"/>
          <a:ext cx="3282949" cy="654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5</xdr:col>
      <xdr:colOff>257175</xdr:colOff>
      <xdr:row>78</xdr:row>
      <xdr:rowOff>0</xdr:rowOff>
    </xdr:from>
    <xdr:to>
      <xdr:col>7</xdr:col>
      <xdr:colOff>1010103</xdr:colOff>
      <xdr:row>82</xdr:row>
      <xdr:rowOff>98576</xdr:rowOff>
    </xdr:to>
    <xdr:sp macro="" textlink="">
      <xdr:nvSpPr>
        <xdr:cNvPr id="6" name="CaixaDeTexto 5"/>
        <xdr:cNvSpPr txBox="1"/>
      </xdr:nvSpPr>
      <xdr:spPr>
        <a:xfrm>
          <a:off x="8029575" y="10220325"/>
          <a:ext cx="32484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1311278</xdr:colOff>
      <xdr:row>129</xdr:row>
      <xdr:rowOff>133350</xdr:rowOff>
    </xdr:from>
    <xdr:to>
      <xdr:col>0</xdr:col>
      <xdr:colOff>4591052</xdr:colOff>
      <xdr:row>134</xdr:row>
      <xdr:rowOff>50800</xdr:rowOff>
    </xdr:to>
    <xdr:sp macro="" textlink="">
      <xdr:nvSpPr>
        <xdr:cNvPr id="2" name="CaixaDeTexto 1"/>
        <xdr:cNvSpPr txBox="1"/>
      </xdr:nvSpPr>
      <xdr:spPr>
        <a:xfrm>
          <a:off x="1311278" y="19059525"/>
          <a:ext cx="3279774" cy="631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1219200</xdr:colOff>
      <xdr:row>138</xdr:row>
      <xdr:rowOff>47625</xdr:rowOff>
    </xdr:from>
    <xdr:to>
      <xdr:col>1</xdr:col>
      <xdr:colOff>6354</xdr:colOff>
      <xdr:row>142</xdr:row>
      <xdr:rowOff>133350</xdr:rowOff>
    </xdr:to>
    <xdr:sp macro="" textlink="">
      <xdr:nvSpPr>
        <xdr:cNvPr id="4" name="CaixaDeTexto 3"/>
        <xdr:cNvSpPr txBox="1"/>
      </xdr:nvSpPr>
      <xdr:spPr>
        <a:xfrm>
          <a:off x="1219200" y="20259675"/>
          <a:ext cx="3540129" cy="657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1035053</xdr:colOff>
      <xdr:row>138</xdr:row>
      <xdr:rowOff>63500</xdr:rowOff>
    </xdr:from>
    <xdr:to>
      <xdr:col>7</xdr:col>
      <xdr:colOff>31752</xdr:colOff>
      <xdr:row>142</xdr:row>
      <xdr:rowOff>146050</xdr:rowOff>
    </xdr:to>
    <xdr:sp macro="" textlink="">
      <xdr:nvSpPr>
        <xdr:cNvPr id="5" name="CaixaDeTexto 4"/>
        <xdr:cNvSpPr txBox="1"/>
      </xdr:nvSpPr>
      <xdr:spPr>
        <a:xfrm>
          <a:off x="8645528" y="20275550"/>
          <a:ext cx="3292474" cy="654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3</xdr:col>
      <xdr:colOff>825501</xdr:colOff>
      <xdr:row>129</xdr:row>
      <xdr:rowOff>127001</xdr:rowOff>
    </xdr:from>
    <xdr:to>
      <xdr:col>6</xdr:col>
      <xdr:colOff>1203779</xdr:colOff>
      <xdr:row>134</xdr:row>
      <xdr:rowOff>56243</xdr:rowOff>
    </xdr:to>
    <xdr:sp macro="" textlink="">
      <xdr:nvSpPr>
        <xdr:cNvPr id="6" name="CaixaDeTexto 5"/>
        <xdr:cNvSpPr txBox="1"/>
      </xdr:nvSpPr>
      <xdr:spPr>
        <a:xfrm>
          <a:off x="8477251" y="19822584"/>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2035178</xdr:colOff>
      <xdr:row>128</xdr:row>
      <xdr:rowOff>76200</xdr:rowOff>
    </xdr:from>
    <xdr:to>
      <xdr:col>1</xdr:col>
      <xdr:colOff>152402</xdr:colOff>
      <xdr:row>132</xdr:row>
      <xdr:rowOff>146050</xdr:rowOff>
    </xdr:to>
    <xdr:sp macro="" textlink="">
      <xdr:nvSpPr>
        <xdr:cNvPr id="2" name="CaixaDeTexto 1"/>
        <xdr:cNvSpPr txBox="1"/>
      </xdr:nvSpPr>
      <xdr:spPr>
        <a:xfrm>
          <a:off x="2035178" y="18478500"/>
          <a:ext cx="3270249"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1943100</xdr:colOff>
      <xdr:row>136</xdr:row>
      <xdr:rowOff>142875</xdr:rowOff>
    </xdr:from>
    <xdr:to>
      <xdr:col>1</xdr:col>
      <xdr:colOff>330204</xdr:colOff>
      <xdr:row>141</xdr:row>
      <xdr:rowOff>76200</xdr:rowOff>
    </xdr:to>
    <xdr:sp macro="" textlink="">
      <xdr:nvSpPr>
        <xdr:cNvPr id="4" name="CaixaDeTexto 3"/>
        <xdr:cNvSpPr txBox="1"/>
      </xdr:nvSpPr>
      <xdr:spPr>
        <a:xfrm>
          <a:off x="1943100" y="19688175"/>
          <a:ext cx="3540129"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4</xdr:col>
      <xdr:colOff>482603</xdr:colOff>
      <xdr:row>136</xdr:row>
      <xdr:rowOff>111125</xdr:rowOff>
    </xdr:from>
    <xdr:to>
      <xdr:col>7</xdr:col>
      <xdr:colOff>641352</xdr:colOff>
      <xdr:row>141</xdr:row>
      <xdr:rowOff>50800</xdr:rowOff>
    </xdr:to>
    <xdr:sp macro="" textlink="">
      <xdr:nvSpPr>
        <xdr:cNvPr id="5" name="CaixaDeTexto 4"/>
        <xdr:cNvSpPr txBox="1"/>
      </xdr:nvSpPr>
      <xdr:spPr>
        <a:xfrm>
          <a:off x="9369428" y="19942175"/>
          <a:ext cx="3301999" cy="654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4</xdr:col>
      <xdr:colOff>552903</xdr:colOff>
      <xdr:row>128</xdr:row>
      <xdr:rowOff>85725</xdr:rowOff>
    </xdr:from>
    <xdr:to>
      <xdr:col>7</xdr:col>
      <xdr:colOff>314325</xdr:colOff>
      <xdr:row>133</xdr:row>
      <xdr:rowOff>41426</xdr:rowOff>
    </xdr:to>
    <xdr:sp macro="" textlink="">
      <xdr:nvSpPr>
        <xdr:cNvPr id="6" name="CaixaDeTexto 5"/>
        <xdr:cNvSpPr txBox="1"/>
      </xdr:nvSpPr>
      <xdr:spPr>
        <a:xfrm>
          <a:off x="9439728" y="18773775"/>
          <a:ext cx="2904672"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92078</xdr:colOff>
      <xdr:row>51</xdr:row>
      <xdr:rowOff>0</xdr:rowOff>
    </xdr:from>
    <xdr:to>
      <xdr:col>0</xdr:col>
      <xdr:colOff>3371852</xdr:colOff>
      <xdr:row>55</xdr:row>
      <xdr:rowOff>69850</xdr:rowOff>
    </xdr:to>
    <xdr:sp macro="" textlink="">
      <xdr:nvSpPr>
        <xdr:cNvPr id="2" name="CaixaDeTexto 1"/>
        <xdr:cNvSpPr txBox="1"/>
      </xdr:nvSpPr>
      <xdr:spPr>
        <a:xfrm>
          <a:off x="92078" y="7677150"/>
          <a:ext cx="3279774"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0</xdr:colOff>
      <xdr:row>59</xdr:row>
      <xdr:rowOff>66675</xdr:rowOff>
    </xdr:from>
    <xdr:to>
      <xdr:col>0</xdr:col>
      <xdr:colOff>3549654</xdr:colOff>
      <xdr:row>64</xdr:row>
      <xdr:rowOff>0</xdr:rowOff>
    </xdr:to>
    <xdr:sp macro="" textlink="">
      <xdr:nvSpPr>
        <xdr:cNvPr id="4" name="CaixaDeTexto 3"/>
        <xdr:cNvSpPr txBox="1"/>
      </xdr:nvSpPr>
      <xdr:spPr>
        <a:xfrm>
          <a:off x="0" y="8886825"/>
          <a:ext cx="3549654"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3</xdr:col>
      <xdr:colOff>0</xdr:colOff>
      <xdr:row>59</xdr:row>
      <xdr:rowOff>63500</xdr:rowOff>
    </xdr:from>
    <xdr:to>
      <xdr:col>6</xdr:col>
      <xdr:colOff>1085855</xdr:colOff>
      <xdr:row>64</xdr:row>
      <xdr:rowOff>3175</xdr:rowOff>
    </xdr:to>
    <xdr:sp macro="" textlink="">
      <xdr:nvSpPr>
        <xdr:cNvPr id="5" name="CaixaDeTexto 4"/>
        <xdr:cNvSpPr txBox="1"/>
      </xdr:nvSpPr>
      <xdr:spPr>
        <a:xfrm>
          <a:off x="6229350" y="9093200"/>
          <a:ext cx="3914780" cy="654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2</xdr:col>
      <xdr:colOff>895350</xdr:colOff>
      <xdr:row>51</xdr:row>
      <xdr:rowOff>9525</xdr:rowOff>
    </xdr:from>
    <xdr:to>
      <xdr:col>6</xdr:col>
      <xdr:colOff>1057728</xdr:colOff>
      <xdr:row>55</xdr:row>
      <xdr:rowOff>108101</xdr:rowOff>
    </xdr:to>
    <xdr:sp macro="" textlink="">
      <xdr:nvSpPr>
        <xdr:cNvPr id="6" name="CaixaDeTexto 5"/>
        <xdr:cNvSpPr txBox="1"/>
      </xdr:nvSpPr>
      <xdr:spPr>
        <a:xfrm>
          <a:off x="6181725" y="7896225"/>
          <a:ext cx="3934278" cy="6700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1825628</xdr:colOff>
      <xdr:row>78</xdr:row>
      <xdr:rowOff>95250</xdr:rowOff>
    </xdr:from>
    <xdr:to>
      <xdr:col>1</xdr:col>
      <xdr:colOff>1143002</xdr:colOff>
      <xdr:row>83</xdr:row>
      <xdr:rowOff>12700</xdr:rowOff>
    </xdr:to>
    <xdr:sp macro="" textlink="">
      <xdr:nvSpPr>
        <xdr:cNvPr id="2" name="CaixaDeTexto 1"/>
        <xdr:cNvSpPr txBox="1"/>
      </xdr:nvSpPr>
      <xdr:spPr>
        <a:xfrm>
          <a:off x="1825628" y="11858625"/>
          <a:ext cx="3270249" cy="631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1733551</xdr:colOff>
      <xdr:row>87</xdr:row>
      <xdr:rowOff>125941</xdr:rowOff>
    </xdr:from>
    <xdr:to>
      <xdr:col>1</xdr:col>
      <xdr:colOff>1320805</xdr:colOff>
      <xdr:row>92</xdr:row>
      <xdr:rowOff>63499</xdr:rowOff>
    </xdr:to>
    <xdr:sp macro="" textlink="">
      <xdr:nvSpPr>
        <xdr:cNvPr id="4" name="CaixaDeTexto 3"/>
        <xdr:cNvSpPr txBox="1"/>
      </xdr:nvSpPr>
      <xdr:spPr>
        <a:xfrm>
          <a:off x="1733551" y="13439774"/>
          <a:ext cx="3545421" cy="6783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TATIANA SILVA DA CUNHA</a:t>
          </a:r>
          <a:r>
            <a:rPr lang="pt-BR" sz="800">
              <a:latin typeface="Verdana" pitchFamily="34" charset="0"/>
              <a:ea typeface="Verdana" pitchFamily="34" charset="0"/>
              <a:cs typeface="Verdana" pitchFamily="34" charset="0"/>
            </a:rPr>
            <a:t> </a:t>
          </a:r>
        </a:p>
        <a:p>
          <a:pPr algn="ctr"/>
          <a:r>
            <a:rPr lang="pt-BR" sz="800" b="0" i="0" u="none" strike="noStrike">
              <a:solidFill>
                <a:schemeClr val="dk1"/>
              </a:solidFill>
              <a:latin typeface="Verdana" pitchFamily="34" charset="0"/>
              <a:ea typeface="Verdana" pitchFamily="34" charset="0"/>
              <a:cs typeface="Verdana" pitchFamily="34" charset="0"/>
            </a:rPr>
            <a:t>Auditora-Geral do Estado</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609.820.551-53</a:t>
          </a:r>
          <a:endParaRPr lang="pt-BR" sz="800">
            <a:latin typeface="Verdana" pitchFamily="34" charset="0"/>
            <a:ea typeface="Verdana" pitchFamily="34" charset="0"/>
            <a:cs typeface="Verdana" pitchFamily="34" charset="0"/>
          </a:endParaRPr>
        </a:p>
      </xdr:txBody>
    </xdr:sp>
    <xdr:clientData/>
  </xdr:twoCellAnchor>
  <xdr:twoCellAnchor>
    <xdr:from>
      <xdr:col>4</xdr:col>
      <xdr:colOff>347265</xdr:colOff>
      <xdr:row>87</xdr:row>
      <xdr:rowOff>110067</xdr:rowOff>
    </xdr:from>
    <xdr:to>
      <xdr:col>6</xdr:col>
      <xdr:colOff>1264578</xdr:colOff>
      <xdr:row>92</xdr:row>
      <xdr:rowOff>44450</xdr:rowOff>
    </xdr:to>
    <xdr:sp macro="" textlink="">
      <xdr:nvSpPr>
        <xdr:cNvPr id="5" name="CaixaDeTexto 4"/>
        <xdr:cNvSpPr txBox="1"/>
      </xdr:nvSpPr>
      <xdr:spPr>
        <a:xfrm>
          <a:off x="8433593" y="13028348"/>
          <a:ext cx="3566454" cy="62891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4</xdr:col>
      <xdr:colOff>495433</xdr:colOff>
      <xdr:row>78</xdr:row>
      <xdr:rowOff>118797</xdr:rowOff>
    </xdr:from>
    <xdr:to>
      <xdr:col>6</xdr:col>
      <xdr:colOff>1141018</xdr:colOff>
      <xdr:row>83</xdr:row>
      <xdr:rowOff>57564</xdr:rowOff>
    </xdr:to>
    <xdr:sp macro="" textlink="">
      <xdr:nvSpPr>
        <xdr:cNvPr id="6" name="CaixaDeTexto 5"/>
        <xdr:cNvSpPr txBox="1"/>
      </xdr:nvSpPr>
      <xdr:spPr>
        <a:xfrm>
          <a:off x="8581761" y="11786922"/>
          <a:ext cx="3294726" cy="6332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 Id="rId9"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4" Type="http://schemas.openxmlformats.org/officeDocument/2006/relationships/printerSettings" Target="../printerSettings/printerSettings73.bin"/><Relationship Id="rId9"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85.bin"/><Relationship Id="rId3" Type="http://schemas.openxmlformats.org/officeDocument/2006/relationships/printerSettings" Target="../printerSettings/printerSettings80.bin"/><Relationship Id="rId7" Type="http://schemas.openxmlformats.org/officeDocument/2006/relationships/printerSettings" Target="../printerSettings/printerSettings84.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6" Type="http://schemas.openxmlformats.org/officeDocument/2006/relationships/printerSettings" Target="../printerSettings/printerSettings83.bin"/><Relationship Id="rId5" Type="http://schemas.openxmlformats.org/officeDocument/2006/relationships/printerSettings" Target="../printerSettings/printerSettings82.bin"/><Relationship Id="rId4" Type="http://schemas.openxmlformats.org/officeDocument/2006/relationships/printerSettings" Target="../printerSettings/printerSettings81.bin"/><Relationship Id="rId9"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93.bin"/><Relationship Id="rId3" Type="http://schemas.openxmlformats.org/officeDocument/2006/relationships/printerSettings" Target="../printerSettings/printerSettings88.bin"/><Relationship Id="rId7" Type="http://schemas.openxmlformats.org/officeDocument/2006/relationships/printerSettings" Target="../printerSettings/printerSettings92.bin"/><Relationship Id="rId2" Type="http://schemas.openxmlformats.org/officeDocument/2006/relationships/printerSettings" Target="../printerSettings/printerSettings87.bin"/><Relationship Id="rId1" Type="http://schemas.openxmlformats.org/officeDocument/2006/relationships/printerSettings" Target="../printerSettings/printerSettings86.bin"/><Relationship Id="rId6" Type="http://schemas.openxmlformats.org/officeDocument/2006/relationships/printerSettings" Target="../printerSettings/printerSettings91.bin"/><Relationship Id="rId5" Type="http://schemas.openxmlformats.org/officeDocument/2006/relationships/printerSettings" Target="../printerSettings/printerSettings90.bin"/><Relationship Id="rId4" Type="http://schemas.openxmlformats.org/officeDocument/2006/relationships/printerSettings" Target="../printerSettings/printerSettings89.bin"/><Relationship Id="rId9" Type="http://schemas.openxmlformats.org/officeDocument/2006/relationships/drawing" Target="../drawings/drawing12.xml"/></Relationships>
</file>

<file path=xl/worksheets/_rels/sheet13.xml.rels><?xml version="1.0" encoding="UTF-8" standalone="yes"?>
<Relationships xmlns="http://schemas.openxmlformats.org/package/2006/relationships"><Relationship Id="rId8" Type="http://schemas.openxmlformats.org/officeDocument/2006/relationships/drawing" Target="../drawings/drawing13.xml"/><Relationship Id="rId3" Type="http://schemas.openxmlformats.org/officeDocument/2006/relationships/printerSettings" Target="../printerSettings/printerSettings96.bin"/><Relationship Id="rId7" Type="http://schemas.openxmlformats.org/officeDocument/2006/relationships/printerSettings" Target="../printerSettings/printerSettings100.bin"/><Relationship Id="rId2" Type="http://schemas.openxmlformats.org/officeDocument/2006/relationships/printerSettings" Target="../printerSettings/printerSettings95.bin"/><Relationship Id="rId1" Type="http://schemas.openxmlformats.org/officeDocument/2006/relationships/printerSettings" Target="../printerSettings/printerSettings94.bin"/><Relationship Id="rId6" Type="http://schemas.openxmlformats.org/officeDocument/2006/relationships/printerSettings" Target="../printerSettings/printerSettings99.bin"/><Relationship Id="rId5" Type="http://schemas.openxmlformats.org/officeDocument/2006/relationships/printerSettings" Target="../printerSettings/printerSettings98.bin"/><Relationship Id="rId4" Type="http://schemas.openxmlformats.org/officeDocument/2006/relationships/printerSettings" Target="../printerSettings/printerSettings97.bin"/></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08.bin"/><Relationship Id="rId3" Type="http://schemas.openxmlformats.org/officeDocument/2006/relationships/printerSettings" Target="../printerSettings/printerSettings103.bin"/><Relationship Id="rId7" Type="http://schemas.openxmlformats.org/officeDocument/2006/relationships/printerSettings" Target="../printerSettings/printerSettings107.bin"/><Relationship Id="rId2" Type="http://schemas.openxmlformats.org/officeDocument/2006/relationships/printerSettings" Target="../printerSettings/printerSettings102.bin"/><Relationship Id="rId1" Type="http://schemas.openxmlformats.org/officeDocument/2006/relationships/printerSettings" Target="../printerSettings/printerSettings101.bin"/><Relationship Id="rId6" Type="http://schemas.openxmlformats.org/officeDocument/2006/relationships/printerSettings" Target="../printerSettings/printerSettings106.bin"/><Relationship Id="rId5" Type="http://schemas.openxmlformats.org/officeDocument/2006/relationships/printerSettings" Target="../printerSettings/printerSettings105.bin"/><Relationship Id="rId4" Type="http://schemas.openxmlformats.org/officeDocument/2006/relationships/printerSettings" Target="../printerSettings/printerSettings104.bin"/><Relationship Id="rId9" Type="http://schemas.openxmlformats.org/officeDocument/2006/relationships/drawing" Target="../drawings/drawing14.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11.bin"/><Relationship Id="rId7" Type="http://schemas.openxmlformats.org/officeDocument/2006/relationships/drawing" Target="../drawings/drawing2.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 Id="rId6" Type="http://schemas.openxmlformats.org/officeDocument/2006/relationships/printerSettings" Target="../printerSettings/printerSettings14.bin"/><Relationship Id="rId5" Type="http://schemas.openxmlformats.org/officeDocument/2006/relationships/printerSettings" Target="../printerSettings/printerSettings13.bin"/><Relationship Id="rId4" Type="http://schemas.openxmlformats.org/officeDocument/2006/relationships/printerSettings" Target="../printerSettings/printerSettings12.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2.bin"/><Relationship Id="rId3" Type="http://schemas.openxmlformats.org/officeDocument/2006/relationships/printerSettings" Target="../printerSettings/printerSettings17.bin"/><Relationship Id="rId7" Type="http://schemas.openxmlformats.org/officeDocument/2006/relationships/printerSettings" Target="../printerSettings/printerSettings21.bin"/><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6" Type="http://schemas.openxmlformats.org/officeDocument/2006/relationships/printerSettings" Target="../printerSettings/printerSettings20.bin"/><Relationship Id="rId5" Type="http://schemas.openxmlformats.org/officeDocument/2006/relationships/printerSettings" Target="../printerSettings/printerSettings19.bin"/><Relationship Id="rId4" Type="http://schemas.openxmlformats.org/officeDocument/2006/relationships/printerSettings" Target="../printerSettings/printerSettings18.bin"/><Relationship Id="rId9"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8" Type="http://schemas.openxmlformats.org/officeDocument/2006/relationships/drawing" Target="../drawings/drawing4.xml"/><Relationship Id="rId3" Type="http://schemas.openxmlformats.org/officeDocument/2006/relationships/printerSettings" Target="../printerSettings/printerSettings25.bin"/><Relationship Id="rId7" Type="http://schemas.openxmlformats.org/officeDocument/2006/relationships/printerSettings" Target="../printerSettings/printerSettings29.bin"/><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5" Type="http://schemas.openxmlformats.org/officeDocument/2006/relationships/printerSettings" Target="../printerSettings/printerSettings27.bin"/><Relationship Id="rId4" Type="http://schemas.openxmlformats.org/officeDocument/2006/relationships/printerSettings" Target="../printerSettings/printerSettings26.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37.bin"/><Relationship Id="rId3" Type="http://schemas.openxmlformats.org/officeDocument/2006/relationships/printerSettings" Target="../printerSettings/printerSettings32.bin"/><Relationship Id="rId7" Type="http://schemas.openxmlformats.org/officeDocument/2006/relationships/printerSettings" Target="../printerSettings/printerSettings36.bin"/><Relationship Id="rId2" Type="http://schemas.openxmlformats.org/officeDocument/2006/relationships/printerSettings" Target="../printerSettings/printerSettings31.bin"/><Relationship Id="rId1" Type="http://schemas.openxmlformats.org/officeDocument/2006/relationships/printerSettings" Target="../printerSettings/printerSettings30.bin"/><Relationship Id="rId6" Type="http://schemas.openxmlformats.org/officeDocument/2006/relationships/printerSettings" Target="../printerSettings/printerSettings35.bin"/><Relationship Id="rId5" Type="http://schemas.openxmlformats.org/officeDocument/2006/relationships/printerSettings" Target="../printerSettings/printerSettings34.bin"/><Relationship Id="rId4" Type="http://schemas.openxmlformats.org/officeDocument/2006/relationships/printerSettings" Target="../printerSettings/printerSettings33.bin"/><Relationship Id="rId9"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45.bin"/><Relationship Id="rId3" Type="http://schemas.openxmlformats.org/officeDocument/2006/relationships/printerSettings" Target="../printerSettings/printerSettings40.bin"/><Relationship Id="rId7" Type="http://schemas.openxmlformats.org/officeDocument/2006/relationships/printerSettings" Target="../printerSettings/printerSettings44.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 Id="rId6" Type="http://schemas.openxmlformats.org/officeDocument/2006/relationships/printerSettings" Target="../printerSettings/printerSettings43.bin"/><Relationship Id="rId5" Type="http://schemas.openxmlformats.org/officeDocument/2006/relationships/printerSettings" Target="../printerSettings/printerSettings42.bin"/><Relationship Id="rId4" Type="http://schemas.openxmlformats.org/officeDocument/2006/relationships/printerSettings" Target="../printerSettings/printerSettings41.bin"/><Relationship Id="rId9"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3.bin"/><Relationship Id="rId3" Type="http://schemas.openxmlformats.org/officeDocument/2006/relationships/printerSettings" Target="../printerSettings/printerSettings48.bin"/><Relationship Id="rId7" Type="http://schemas.openxmlformats.org/officeDocument/2006/relationships/printerSettings" Target="../printerSettings/printerSettings52.bin"/><Relationship Id="rId2" Type="http://schemas.openxmlformats.org/officeDocument/2006/relationships/printerSettings" Target="../printerSettings/printerSettings47.bin"/><Relationship Id="rId1" Type="http://schemas.openxmlformats.org/officeDocument/2006/relationships/printerSettings" Target="../printerSettings/printerSettings46.bin"/><Relationship Id="rId6" Type="http://schemas.openxmlformats.org/officeDocument/2006/relationships/printerSettings" Target="../printerSettings/printerSettings51.bin"/><Relationship Id="rId5" Type="http://schemas.openxmlformats.org/officeDocument/2006/relationships/printerSettings" Target="../printerSettings/printerSettings50.bin"/><Relationship Id="rId4" Type="http://schemas.openxmlformats.org/officeDocument/2006/relationships/printerSettings" Target="../printerSettings/printerSettings49.bin"/><Relationship Id="rId9"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1.bin"/><Relationship Id="rId3" Type="http://schemas.openxmlformats.org/officeDocument/2006/relationships/printerSettings" Target="../printerSettings/printerSettings56.bin"/><Relationship Id="rId7" Type="http://schemas.openxmlformats.org/officeDocument/2006/relationships/printerSettings" Target="../printerSettings/printerSettings60.bin"/><Relationship Id="rId2" Type="http://schemas.openxmlformats.org/officeDocument/2006/relationships/printerSettings" Target="../printerSettings/printerSettings55.bin"/><Relationship Id="rId1" Type="http://schemas.openxmlformats.org/officeDocument/2006/relationships/printerSettings" Target="../printerSettings/printerSettings54.bin"/><Relationship Id="rId6" Type="http://schemas.openxmlformats.org/officeDocument/2006/relationships/printerSettings" Target="../printerSettings/printerSettings59.bin"/><Relationship Id="rId5" Type="http://schemas.openxmlformats.org/officeDocument/2006/relationships/printerSettings" Target="../printerSettings/printerSettings58.bin"/><Relationship Id="rId4" Type="http://schemas.openxmlformats.org/officeDocument/2006/relationships/printerSettings" Target="../printerSettings/printerSettings57.bin"/><Relationship Id="rId9"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69.bin"/><Relationship Id="rId3" Type="http://schemas.openxmlformats.org/officeDocument/2006/relationships/printerSettings" Target="../printerSettings/printerSettings64.bin"/><Relationship Id="rId7" Type="http://schemas.openxmlformats.org/officeDocument/2006/relationships/printerSettings" Target="../printerSettings/printerSettings68.bin"/><Relationship Id="rId2" Type="http://schemas.openxmlformats.org/officeDocument/2006/relationships/printerSettings" Target="../printerSettings/printerSettings63.bin"/><Relationship Id="rId1" Type="http://schemas.openxmlformats.org/officeDocument/2006/relationships/printerSettings" Target="../printerSettings/printerSettings62.bin"/><Relationship Id="rId6" Type="http://schemas.openxmlformats.org/officeDocument/2006/relationships/printerSettings" Target="../printerSettings/printerSettings67.bin"/><Relationship Id="rId5" Type="http://schemas.openxmlformats.org/officeDocument/2006/relationships/printerSettings" Target="../printerSettings/printerSettings66.bin"/><Relationship Id="rId4" Type="http://schemas.openxmlformats.org/officeDocument/2006/relationships/printerSettings" Target="../printerSettings/printerSettings65.bin"/><Relationship Id="rId9"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tabColor rgb="FF92D050"/>
    <pageSetUpPr fitToPage="1"/>
  </sheetPr>
  <dimension ref="A1:N127"/>
  <sheetViews>
    <sheetView showGridLines="0" tabSelected="1" zoomScaleNormal="90" workbookViewId="0"/>
  </sheetViews>
  <sheetFormatPr defaultRowHeight="11.25" customHeight="1" x14ac:dyDescent="0.2"/>
  <cols>
    <col min="1" max="1" width="57.42578125" style="53" customWidth="1"/>
    <col min="2" max="2" width="20.42578125" style="53" bestFit="1" customWidth="1"/>
    <col min="3" max="3" width="22.28515625" style="53" customWidth="1"/>
    <col min="4" max="4" width="19.140625" style="53" bestFit="1" customWidth="1"/>
    <col min="5" max="5" width="18.5703125" style="53" customWidth="1"/>
    <col min="6" max="6" width="20" style="53" customWidth="1"/>
    <col min="7" max="7" width="20.5703125" style="53" customWidth="1"/>
    <col min="8" max="8" width="19.5703125" style="53" bestFit="1" customWidth="1"/>
    <col min="9" max="9" width="21.28515625" style="53" customWidth="1"/>
    <col min="10" max="10" width="20.85546875" style="53" customWidth="1"/>
    <col min="11" max="11" width="11.7109375" style="53" customWidth="1"/>
    <col min="12" max="12" width="20.140625" style="53" customWidth="1"/>
    <col min="13" max="13" width="13.85546875" style="53" customWidth="1"/>
    <col min="14" max="14" width="18.5703125" style="53" customWidth="1"/>
    <col min="15" max="15" width="6.5703125" style="53" customWidth="1"/>
    <col min="16" max="17" width="15.42578125" style="53" customWidth="1"/>
    <col min="18" max="18" width="22" style="53" customWidth="1"/>
    <col min="19" max="19" width="13.42578125" style="53" customWidth="1"/>
    <col min="20" max="16384" width="9.140625" style="53"/>
  </cols>
  <sheetData>
    <row r="1" spans="1:14" s="30" customFormat="1" ht="10.5" x14ac:dyDescent="0.2">
      <c r="A1" s="600" t="s">
        <v>872</v>
      </c>
      <c r="B1" s="334"/>
      <c r="C1" s="334"/>
      <c r="D1" s="334"/>
      <c r="E1" s="334"/>
      <c r="F1" s="334"/>
      <c r="G1" s="334"/>
      <c r="H1" s="334"/>
      <c r="I1" s="334"/>
      <c r="J1" s="334"/>
      <c r="K1" s="334"/>
      <c r="L1" s="334"/>
    </row>
    <row r="2" spans="1:14" s="30" customFormat="1" ht="11.25" customHeight="1" x14ac:dyDescent="0.2">
      <c r="A2" s="334"/>
      <c r="B2" s="334"/>
      <c r="C2" s="334"/>
      <c r="D2" s="334"/>
      <c r="E2" s="334"/>
      <c r="F2" s="334"/>
      <c r="G2" s="334"/>
      <c r="H2" s="334"/>
      <c r="I2" s="334"/>
      <c r="J2" s="334"/>
      <c r="K2" s="334"/>
      <c r="L2" s="334"/>
    </row>
    <row r="3" spans="1:14" ht="11.25" customHeight="1" x14ac:dyDescent="0.2">
      <c r="A3" s="757" t="s">
        <v>643</v>
      </c>
      <c r="B3" s="757"/>
      <c r="C3" s="757"/>
      <c r="D3" s="757"/>
      <c r="E3" s="757"/>
      <c r="F3" s="757"/>
      <c r="G3" s="757"/>
      <c r="H3" s="757"/>
      <c r="I3" s="757"/>
      <c r="J3" s="757"/>
      <c r="K3" s="757"/>
      <c r="L3" s="757"/>
    </row>
    <row r="4" spans="1:14" ht="11.25" customHeight="1" x14ac:dyDescent="0.2">
      <c r="A4" s="757" t="s">
        <v>105</v>
      </c>
      <c r="B4" s="757"/>
      <c r="C4" s="757"/>
      <c r="D4" s="757"/>
      <c r="E4" s="757"/>
      <c r="F4" s="757"/>
      <c r="G4" s="757"/>
      <c r="H4" s="757"/>
      <c r="I4" s="757"/>
      <c r="J4" s="757"/>
      <c r="K4" s="757"/>
      <c r="L4" s="757"/>
    </row>
    <row r="5" spans="1:14" ht="11.25" customHeight="1" x14ac:dyDescent="0.2">
      <c r="A5" s="757" t="s">
        <v>106</v>
      </c>
      <c r="B5" s="757"/>
      <c r="C5" s="757"/>
      <c r="D5" s="757"/>
      <c r="E5" s="757"/>
      <c r="F5" s="757"/>
      <c r="G5" s="757"/>
      <c r="H5" s="757"/>
      <c r="I5" s="757"/>
      <c r="J5" s="757"/>
      <c r="K5" s="757"/>
      <c r="L5" s="757"/>
    </row>
    <row r="6" spans="1:14" ht="11.25" customHeight="1" x14ac:dyDescent="0.2">
      <c r="A6" s="757" t="s">
        <v>107</v>
      </c>
      <c r="B6" s="757"/>
      <c r="C6" s="757"/>
      <c r="D6" s="757"/>
      <c r="E6" s="757"/>
      <c r="F6" s="757"/>
      <c r="G6" s="757"/>
      <c r="H6" s="757"/>
      <c r="I6" s="757"/>
      <c r="J6" s="757"/>
      <c r="K6" s="757"/>
      <c r="L6" s="757"/>
    </row>
    <row r="7" spans="1:14" ht="11.25" customHeight="1" x14ac:dyDescent="0.2">
      <c r="A7" s="757" t="s">
        <v>869</v>
      </c>
      <c r="B7" s="757"/>
      <c r="C7" s="757"/>
      <c r="D7" s="757"/>
      <c r="E7" s="757"/>
      <c r="F7" s="757"/>
      <c r="G7" s="757"/>
      <c r="H7" s="757"/>
      <c r="I7" s="757"/>
      <c r="J7" s="757"/>
      <c r="K7" s="757"/>
      <c r="L7" s="757"/>
    </row>
    <row r="8" spans="1:14" s="30" customFormat="1" ht="11.25" customHeight="1" x14ac:dyDescent="0.2">
      <c r="A8" s="54"/>
      <c r="B8" s="54"/>
      <c r="C8" s="54"/>
      <c r="D8" s="436"/>
      <c r="E8" s="436"/>
      <c r="F8" s="54"/>
      <c r="G8" s="54"/>
      <c r="H8" s="54"/>
      <c r="I8" s="54"/>
      <c r="J8" s="54"/>
      <c r="K8" s="54"/>
    </row>
    <row r="9" spans="1:14" s="30" customFormat="1" ht="11.25" customHeight="1" x14ac:dyDescent="0.2">
      <c r="A9" s="30" t="s">
        <v>359</v>
      </c>
      <c r="B9" s="129"/>
      <c r="D9" s="354"/>
      <c r="E9" s="354"/>
      <c r="H9" s="150"/>
      <c r="I9" s="54"/>
      <c r="J9" s="150"/>
      <c r="L9" s="254">
        <v>1</v>
      </c>
    </row>
    <row r="10" spans="1:14" ht="15" customHeight="1" x14ac:dyDescent="0.2">
      <c r="A10" s="55"/>
      <c r="B10" s="762" t="s">
        <v>429</v>
      </c>
      <c r="C10" s="770"/>
      <c r="D10" s="762" t="s">
        <v>235</v>
      </c>
      <c r="E10" s="763"/>
      <c r="F10" s="766" t="s">
        <v>109</v>
      </c>
      <c r="G10" s="767"/>
      <c r="H10" s="767"/>
      <c r="I10" s="767"/>
      <c r="J10" s="767"/>
      <c r="K10" s="768"/>
      <c r="L10" s="760" t="s">
        <v>161</v>
      </c>
    </row>
    <row r="11" spans="1:14" ht="15" customHeight="1" x14ac:dyDescent="0.2">
      <c r="A11" s="664" t="s">
        <v>881</v>
      </c>
      <c r="B11" s="771"/>
      <c r="C11" s="772"/>
      <c r="D11" s="764"/>
      <c r="E11" s="765"/>
      <c r="F11" s="760" t="s">
        <v>113</v>
      </c>
      <c r="G11" s="761"/>
      <c r="H11" s="56" t="s">
        <v>114</v>
      </c>
      <c r="I11" s="760" t="s">
        <v>115</v>
      </c>
      <c r="J11" s="761"/>
      <c r="K11" s="57" t="s">
        <v>114</v>
      </c>
      <c r="L11" s="769"/>
    </row>
    <row r="12" spans="1:14" ht="15" customHeight="1" x14ac:dyDescent="0.2">
      <c r="A12" s="58"/>
      <c r="B12" s="773"/>
      <c r="C12" s="774"/>
      <c r="D12" s="758" t="s">
        <v>116</v>
      </c>
      <c r="E12" s="759"/>
      <c r="F12" s="758" t="s">
        <v>117</v>
      </c>
      <c r="G12" s="759"/>
      <c r="H12" s="584" t="s">
        <v>118</v>
      </c>
      <c r="I12" s="758" t="s">
        <v>152</v>
      </c>
      <c r="J12" s="759"/>
      <c r="K12" s="585" t="s">
        <v>153</v>
      </c>
      <c r="L12" s="585" t="s">
        <v>154</v>
      </c>
    </row>
    <row r="13" spans="1:14" ht="10.5" x14ac:dyDescent="0.2">
      <c r="A13" s="166" t="s">
        <v>360</v>
      </c>
      <c r="B13" s="777">
        <v>11877346000</v>
      </c>
      <c r="C13" s="778"/>
      <c r="D13" s="777">
        <v>11877346000</v>
      </c>
      <c r="E13" s="778"/>
      <c r="F13" s="779">
        <v>1769418499.7399998</v>
      </c>
      <c r="G13" s="780"/>
      <c r="H13" s="358">
        <v>14.897423210033619</v>
      </c>
      <c r="I13" s="779">
        <v>3627651163</v>
      </c>
      <c r="J13" s="780"/>
      <c r="K13" s="358">
        <v>30.542607439406076</v>
      </c>
      <c r="L13" s="375">
        <v>8249694836.999999</v>
      </c>
    </row>
    <row r="14" spans="1:14" ht="10.5" x14ac:dyDescent="0.2">
      <c r="A14" s="167" t="s">
        <v>8</v>
      </c>
      <c r="B14" s="781">
        <v>11167327900</v>
      </c>
      <c r="C14" s="782"/>
      <c r="D14" s="781">
        <v>11167327900</v>
      </c>
      <c r="E14" s="782"/>
      <c r="F14" s="779">
        <v>1680907011.2299998</v>
      </c>
      <c r="G14" s="780"/>
      <c r="H14" s="358">
        <v>15.052007304540593</v>
      </c>
      <c r="I14" s="779">
        <v>3452659964.4499998</v>
      </c>
      <c r="J14" s="780"/>
      <c r="K14" s="358">
        <v>30.917512187047002</v>
      </c>
      <c r="L14" s="350">
        <v>7714667935.5499992</v>
      </c>
    </row>
    <row r="15" spans="1:14" ht="10.5" x14ac:dyDescent="0.2">
      <c r="A15" s="167" t="s">
        <v>9</v>
      </c>
      <c r="B15" s="775">
        <v>7047013200</v>
      </c>
      <c r="C15" s="776"/>
      <c r="D15" s="775">
        <v>7047013200</v>
      </c>
      <c r="E15" s="776"/>
      <c r="F15" s="775">
        <v>1168698118.3599999</v>
      </c>
      <c r="G15" s="776"/>
      <c r="H15" s="345">
        <v>16.584304373943841</v>
      </c>
      <c r="I15" s="775">
        <v>2393154751.9099998</v>
      </c>
      <c r="J15" s="776"/>
      <c r="K15" s="345">
        <v>33.959844887334675</v>
      </c>
      <c r="L15" s="346">
        <v>4653858448.0900002</v>
      </c>
      <c r="M15" s="32"/>
      <c r="N15" s="66"/>
    </row>
    <row r="16" spans="1:14" ht="10.5" x14ac:dyDescent="0.2">
      <c r="A16" s="33" t="s">
        <v>10</v>
      </c>
      <c r="B16" s="775">
        <v>6687744000</v>
      </c>
      <c r="C16" s="776"/>
      <c r="D16" s="775">
        <v>6687744000</v>
      </c>
      <c r="E16" s="776"/>
      <c r="F16" s="775">
        <v>1142128074.24</v>
      </c>
      <c r="G16" s="776"/>
      <c r="H16" s="345">
        <v>17.077927537896187</v>
      </c>
      <c r="I16" s="775">
        <v>2344682666.1599998</v>
      </c>
      <c r="J16" s="776"/>
      <c r="K16" s="345">
        <v>35.059396205357139</v>
      </c>
      <c r="L16" s="346">
        <v>4343061333.8400002</v>
      </c>
    </row>
    <row r="17" spans="1:14" ht="10.5" x14ac:dyDescent="0.2">
      <c r="A17" s="33" t="s">
        <v>11</v>
      </c>
      <c r="B17" s="775">
        <v>359269200</v>
      </c>
      <c r="C17" s="776"/>
      <c r="D17" s="775">
        <v>359269200</v>
      </c>
      <c r="E17" s="776"/>
      <c r="F17" s="775">
        <v>26570044.120000001</v>
      </c>
      <c r="G17" s="776"/>
      <c r="H17" s="345">
        <v>7.395580840216752</v>
      </c>
      <c r="I17" s="775">
        <v>48472085.75</v>
      </c>
      <c r="J17" s="776"/>
      <c r="K17" s="345">
        <v>13.491856733056995</v>
      </c>
      <c r="L17" s="346">
        <v>310797114.25</v>
      </c>
    </row>
    <row r="18" spans="1:14" ht="10.5" x14ac:dyDescent="0.2">
      <c r="A18" s="33" t="s">
        <v>12</v>
      </c>
      <c r="B18" s="775">
        <v>0</v>
      </c>
      <c r="C18" s="776"/>
      <c r="D18" s="775">
        <v>0</v>
      </c>
      <c r="E18" s="776"/>
      <c r="F18" s="775">
        <v>0</v>
      </c>
      <c r="G18" s="776"/>
      <c r="H18" s="345">
        <v>0</v>
      </c>
      <c r="I18" s="775">
        <v>0</v>
      </c>
      <c r="J18" s="776"/>
      <c r="K18" s="345">
        <v>0</v>
      </c>
      <c r="L18" s="346">
        <v>0</v>
      </c>
    </row>
    <row r="19" spans="1:14" ht="10.5" x14ac:dyDescent="0.2">
      <c r="A19" s="167" t="s">
        <v>13</v>
      </c>
      <c r="B19" s="775">
        <v>388750900</v>
      </c>
      <c r="C19" s="776"/>
      <c r="D19" s="775">
        <v>388750900</v>
      </c>
      <c r="E19" s="776"/>
      <c r="F19" s="775">
        <v>30537851.100000001</v>
      </c>
      <c r="G19" s="776"/>
      <c r="H19" s="345">
        <v>7.8553775952673046</v>
      </c>
      <c r="I19" s="775">
        <v>60286187.210000001</v>
      </c>
      <c r="J19" s="776"/>
      <c r="K19" s="345">
        <v>15.507664988042471</v>
      </c>
      <c r="L19" s="346">
        <v>328464712.79000002</v>
      </c>
      <c r="M19" s="66"/>
      <c r="N19" s="66"/>
    </row>
    <row r="20" spans="1:14" ht="10.5" x14ac:dyDescent="0.2">
      <c r="A20" s="33" t="s">
        <v>14</v>
      </c>
      <c r="B20" s="775">
        <v>388750900</v>
      </c>
      <c r="C20" s="776"/>
      <c r="D20" s="775">
        <v>388750900</v>
      </c>
      <c r="E20" s="776"/>
      <c r="F20" s="775">
        <v>30537851.100000001</v>
      </c>
      <c r="G20" s="776"/>
      <c r="H20" s="345">
        <v>7.8553775952673046</v>
      </c>
      <c r="I20" s="775">
        <v>60286187.210000001</v>
      </c>
      <c r="J20" s="776"/>
      <c r="K20" s="345">
        <v>15.507664988042471</v>
      </c>
      <c r="L20" s="346">
        <v>328464712.79000002</v>
      </c>
    </row>
    <row r="21" spans="1:14" ht="10.5" x14ac:dyDescent="0.2">
      <c r="A21" s="33" t="s">
        <v>357</v>
      </c>
      <c r="B21" s="775">
        <v>0</v>
      </c>
      <c r="C21" s="776"/>
      <c r="D21" s="775">
        <v>0</v>
      </c>
      <c r="E21" s="776"/>
      <c r="F21" s="775">
        <v>0</v>
      </c>
      <c r="G21" s="776"/>
      <c r="H21" s="345">
        <v>0</v>
      </c>
      <c r="I21" s="775">
        <v>0</v>
      </c>
      <c r="J21" s="776"/>
      <c r="K21" s="345">
        <v>0</v>
      </c>
      <c r="L21" s="346">
        <v>0</v>
      </c>
    </row>
    <row r="22" spans="1:14" ht="10.5" x14ac:dyDescent="0.2">
      <c r="A22" s="33" t="s">
        <v>358</v>
      </c>
      <c r="B22" s="775">
        <v>0</v>
      </c>
      <c r="C22" s="776"/>
      <c r="D22" s="775">
        <v>0</v>
      </c>
      <c r="E22" s="776"/>
      <c r="F22" s="775">
        <v>0</v>
      </c>
      <c r="G22" s="776"/>
      <c r="H22" s="345">
        <v>0</v>
      </c>
      <c r="I22" s="775">
        <v>0</v>
      </c>
      <c r="J22" s="776"/>
      <c r="K22" s="345">
        <v>0</v>
      </c>
      <c r="L22" s="346">
        <v>0</v>
      </c>
    </row>
    <row r="23" spans="1:14" ht="10.5" x14ac:dyDescent="0.2">
      <c r="A23" s="167" t="s">
        <v>15</v>
      </c>
      <c r="B23" s="775">
        <v>135829800</v>
      </c>
      <c r="C23" s="776"/>
      <c r="D23" s="775">
        <v>135829800</v>
      </c>
      <c r="E23" s="776"/>
      <c r="F23" s="775">
        <v>16503213.860000001</v>
      </c>
      <c r="G23" s="776"/>
      <c r="H23" s="345">
        <v>12.149921342739223</v>
      </c>
      <c r="I23" s="775">
        <v>29902391.669999998</v>
      </c>
      <c r="J23" s="776"/>
      <c r="K23" s="345">
        <v>22.014603327104947</v>
      </c>
      <c r="L23" s="346">
        <v>105927408.33000001</v>
      </c>
    </row>
    <row r="24" spans="1:14" ht="10.5" x14ac:dyDescent="0.2">
      <c r="A24" s="33" t="s">
        <v>16</v>
      </c>
      <c r="B24" s="728">
        <v>1030600</v>
      </c>
      <c r="C24" s="783"/>
      <c r="D24" s="775">
        <v>1030600</v>
      </c>
      <c r="E24" s="776"/>
      <c r="F24" s="728">
        <v>103207.97</v>
      </c>
      <c r="G24" s="783"/>
      <c r="H24" s="345">
        <v>10.014357655734523</v>
      </c>
      <c r="I24" s="775">
        <v>208652.33</v>
      </c>
      <c r="J24" s="776"/>
      <c r="K24" s="345">
        <v>20.245714147098777</v>
      </c>
      <c r="L24" s="346">
        <v>821947.67</v>
      </c>
    </row>
    <row r="25" spans="1:14" ht="10.5" x14ac:dyDescent="0.2">
      <c r="A25" s="33" t="s">
        <v>17</v>
      </c>
      <c r="B25" s="728">
        <v>67394400</v>
      </c>
      <c r="C25" s="783"/>
      <c r="D25" s="775">
        <v>67394400</v>
      </c>
      <c r="E25" s="776"/>
      <c r="F25" s="728">
        <v>14479403.630000001</v>
      </c>
      <c r="G25" s="783"/>
      <c r="H25" s="345">
        <v>21.484579772206594</v>
      </c>
      <c r="I25" s="775">
        <v>26912735.780000001</v>
      </c>
      <c r="J25" s="776"/>
      <c r="K25" s="345">
        <v>39.933192935911592</v>
      </c>
      <c r="L25" s="346">
        <v>40481664.219999999</v>
      </c>
    </row>
    <row r="26" spans="1:14" ht="10.5" x14ac:dyDescent="0.2">
      <c r="A26" s="33" t="s">
        <v>18</v>
      </c>
      <c r="B26" s="728">
        <v>338800</v>
      </c>
      <c r="C26" s="783"/>
      <c r="D26" s="775">
        <v>338800</v>
      </c>
      <c r="E26" s="776"/>
      <c r="F26" s="728">
        <v>95213.31</v>
      </c>
      <c r="G26" s="783"/>
      <c r="H26" s="345">
        <v>28.103102125147579</v>
      </c>
      <c r="I26" s="775">
        <v>149884.65</v>
      </c>
      <c r="J26" s="776"/>
      <c r="K26" s="345">
        <v>44.239861275088543</v>
      </c>
      <c r="L26" s="346">
        <v>188915.35</v>
      </c>
    </row>
    <row r="27" spans="1:14" ht="10.5" x14ac:dyDescent="0.2">
      <c r="A27" s="33" t="s">
        <v>119</v>
      </c>
      <c r="B27" s="728">
        <v>67066000</v>
      </c>
      <c r="C27" s="783"/>
      <c r="D27" s="775">
        <v>67066000</v>
      </c>
      <c r="E27" s="776"/>
      <c r="F27" s="728">
        <v>1825388.95</v>
      </c>
      <c r="G27" s="783"/>
      <c r="H27" s="345">
        <v>2.7217799630215014</v>
      </c>
      <c r="I27" s="775">
        <v>2631118.91</v>
      </c>
      <c r="J27" s="776"/>
      <c r="K27" s="345">
        <v>3.9231785256314677</v>
      </c>
      <c r="L27" s="346">
        <v>64434881.090000004</v>
      </c>
    </row>
    <row r="28" spans="1:14" ht="21" x14ac:dyDescent="0.2">
      <c r="A28" s="60" t="s">
        <v>370</v>
      </c>
      <c r="B28" s="728">
        <v>0</v>
      </c>
      <c r="C28" s="783"/>
      <c r="D28" s="775">
        <v>0</v>
      </c>
      <c r="E28" s="776"/>
      <c r="F28" s="728">
        <v>0</v>
      </c>
      <c r="G28" s="783"/>
      <c r="H28" s="345">
        <v>0</v>
      </c>
      <c r="I28" s="775">
        <v>0</v>
      </c>
      <c r="J28" s="776"/>
      <c r="K28" s="345">
        <v>0</v>
      </c>
      <c r="L28" s="346">
        <v>0</v>
      </c>
    </row>
    <row r="29" spans="1:14" ht="10.5" x14ac:dyDescent="0.2">
      <c r="A29" s="60" t="s">
        <v>371</v>
      </c>
      <c r="B29" s="728">
        <v>0</v>
      </c>
      <c r="C29" s="783"/>
      <c r="D29" s="775">
        <v>0</v>
      </c>
      <c r="E29" s="776"/>
      <c r="F29" s="728">
        <v>0</v>
      </c>
      <c r="G29" s="783"/>
      <c r="H29" s="345">
        <v>0</v>
      </c>
      <c r="I29" s="775"/>
      <c r="J29" s="776"/>
      <c r="K29" s="345">
        <v>0</v>
      </c>
      <c r="L29" s="346">
        <v>0</v>
      </c>
    </row>
    <row r="30" spans="1:14" ht="10.5" x14ac:dyDescent="0.2">
      <c r="A30" s="33" t="s">
        <v>19</v>
      </c>
      <c r="B30" s="728">
        <v>0</v>
      </c>
      <c r="C30" s="783"/>
      <c r="D30" s="775">
        <v>0</v>
      </c>
      <c r="E30" s="776"/>
      <c r="F30" s="728">
        <v>0</v>
      </c>
      <c r="G30" s="783"/>
      <c r="H30" s="345">
        <v>0</v>
      </c>
      <c r="I30" s="775">
        <v>0</v>
      </c>
      <c r="J30" s="776"/>
      <c r="K30" s="345">
        <v>0</v>
      </c>
      <c r="L30" s="346">
        <v>0</v>
      </c>
    </row>
    <row r="31" spans="1:14" ht="10.5" x14ac:dyDescent="0.2">
      <c r="A31" s="167" t="s">
        <v>20</v>
      </c>
      <c r="B31" s="728">
        <v>0</v>
      </c>
      <c r="C31" s="783"/>
      <c r="D31" s="728">
        <v>0</v>
      </c>
      <c r="E31" s="783"/>
      <c r="F31" s="728">
        <v>0</v>
      </c>
      <c r="G31" s="783"/>
      <c r="H31" s="345">
        <v>0</v>
      </c>
      <c r="I31" s="775">
        <v>0</v>
      </c>
      <c r="J31" s="776"/>
      <c r="K31" s="345">
        <v>0</v>
      </c>
      <c r="L31" s="346">
        <v>0</v>
      </c>
    </row>
    <row r="32" spans="1:14" ht="10.5" x14ac:dyDescent="0.2">
      <c r="A32" s="33" t="s">
        <v>21</v>
      </c>
      <c r="B32" s="728">
        <v>0</v>
      </c>
      <c r="C32" s="783"/>
      <c r="D32" s="775">
        <v>0</v>
      </c>
      <c r="E32" s="776"/>
      <c r="F32" s="728">
        <v>0</v>
      </c>
      <c r="G32" s="783"/>
      <c r="H32" s="345">
        <v>0</v>
      </c>
      <c r="I32" s="775">
        <v>0</v>
      </c>
      <c r="J32" s="776"/>
      <c r="K32" s="345">
        <v>0</v>
      </c>
      <c r="L32" s="346">
        <v>0</v>
      </c>
    </row>
    <row r="33" spans="1:14" ht="10.5" x14ac:dyDescent="0.2">
      <c r="A33" s="33" t="s">
        <v>22</v>
      </c>
      <c r="B33" s="728">
        <v>0</v>
      </c>
      <c r="C33" s="783"/>
      <c r="D33" s="775">
        <v>0</v>
      </c>
      <c r="E33" s="776"/>
      <c r="F33" s="728">
        <v>0</v>
      </c>
      <c r="G33" s="783"/>
      <c r="H33" s="345">
        <v>0</v>
      </c>
      <c r="I33" s="775">
        <v>0</v>
      </c>
      <c r="J33" s="776"/>
      <c r="K33" s="345">
        <v>0</v>
      </c>
      <c r="L33" s="346">
        <v>0</v>
      </c>
    </row>
    <row r="34" spans="1:14" ht="10.5" x14ac:dyDescent="0.2">
      <c r="A34" s="33" t="s">
        <v>23</v>
      </c>
      <c r="B34" s="728">
        <v>0</v>
      </c>
      <c r="C34" s="783"/>
      <c r="D34" s="775">
        <v>0</v>
      </c>
      <c r="E34" s="776"/>
      <c r="F34" s="728">
        <v>0</v>
      </c>
      <c r="G34" s="783"/>
      <c r="H34" s="345">
        <v>0</v>
      </c>
      <c r="I34" s="775">
        <v>0</v>
      </c>
      <c r="J34" s="776"/>
      <c r="K34" s="345">
        <v>0</v>
      </c>
      <c r="L34" s="346">
        <v>0</v>
      </c>
    </row>
    <row r="35" spans="1:14" ht="10.5" x14ac:dyDescent="0.2">
      <c r="A35" s="167" t="s">
        <v>24</v>
      </c>
      <c r="B35" s="728">
        <v>0</v>
      </c>
      <c r="C35" s="783"/>
      <c r="D35" s="728">
        <v>0</v>
      </c>
      <c r="E35" s="783"/>
      <c r="F35" s="728">
        <v>0</v>
      </c>
      <c r="G35" s="783"/>
      <c r="H35" s="345">
        <v>0</v>
      </c>
      <c r="I35" s="775">
        <v>0</v>
      </c>
      <c r="J35" s="776"/>
      <c r="K35" s="345">
        <v>0</v>
      </c>
      <c r="L35" s="346">
        <v>0</v>
      </c>
    </row>
    <row r="36" spans="1:14" ht="10.5" x14ac:dyDescent="0.2">
      <c r="A36" s="33" t="s">
        <v>372</v>
      </c>
      <c r="B36" s="728">
        <v>0</v>
      </c>
      <c r="C36" s="783"/>
      <c r="D36" s="775">
        <v>0</v>
      </c>
      <c r="E36" s="776"/>
      <c r="F36" s="728">
        <v>0</v>
      </c>
      <c r="G36" s="783"/>
      <c r="H36" s="345">
        <v>0</v>
      </c>
      <c r="I36" s="775">
        <v>0</v>
      </c>
      <c r="J36" s="776"/>
      <c r="K36" s="345">
        <v>0</v>
      </c>
      <c r="L36" s="346">
        <v>0</v>
      </c>
    </row>
    <row r="37" spans="1:14" ht="10.5" x14ac:dyDescent="0.2">
      <c r="A37" s="33" t="s">
        <v>25</v>
      </c>
      <c r="B37" s="728">
        <v>0</v>
      </c>
      <c r="C37" s="783"/>
      <c r="D37" s="775">
        <v>0</v>
      </c>
      <c r="E37" s="776"/>
      <c r="F37" s="728">
        <v>0</v>
      </c>
      <c r="G37" s="783"/>
      <c r="H37" s="345">
        <v>0</v>
      </c>
      <c r="I37" s="775">
        <v>0</v>
      </c>
      <c r="J37" s="776"/>
      <c r="K37" s="345">
        <v>0</v>
      </c>
      <c r="L37" s="346">
        <v>0</v>
      </c>
    </row>
    <row r="38" spans="1:14" ht="10.5" x14ac:dyDescent="0.2">
      <c r="A38" s="33" t="s">
        <v>26</v>
      </c>
      <c r="B38" s="728">
        <v>0</v>
      </c>
      <c r="C38" s="783"/>
      <c r="D38" s="775">
        <v>0</v>
      </c>
      <c r="E38" s="776"/>
      <c r="F38" s="728">
        <v>0</v>
      </c>
      <c r="G38" s="783"/>
      <c r="H38" s="345">
        <v>0</v>
      </c>
      <c r="I38" s="775">
        <v>0</v>
      </c>
      <c r="J38" s="776"/>
      <c r="K38" s="345">
        <v>0</v>
      </c>
      <c r="L38" s="346">
        <v>0</v>
      </c>
    </row>
    <row r="39" spans="1:14" ht="10.5" x14ac:dyDescent="0.2">
      <c r="A39" s="61" t="s">
        <v>27</v>
      </c>
      <c r="B39" s="728">
        <v>0</v>
      </c>
      <c r="C39" s="783"/>
      <c r="D39" s="775">
        <v>0</v>
      </c>
      <c r="E39" s="776"/>
      <c r="F39" s="728">
        <v>0</v>
      </c>
      <c r="G39" s="783"/>
      <c r="H39" s="345">
        <v>0</v>
      </c>
      <c r="I39" s="775">
        <v>0</v>
      </c>
      <c r="J39" s="776"/>
      <c r="K39" s="345">
        <v>0</v>
      </c>
      <c r="L39" s="346">
        <v>0</v>
      </c>
    </row>
    <row r="40" spans="1:14" ht="10.5" x14ac:dyDescent="0.2">
      <c r="A40" s="167" t="s">
        <v>28</v>
      </c>
      <c r="B40" s="728">
        <v>447593100</v>
      </c>
      <c r="C40" s="783"/>
      <c r="D40" s="775">
        <v>447593100</v>
      </c>
      <c r="E40" s="776"/>
      <c r="F40" s="728">
        <v>82496192.75</v>
      </c>
      <c r="G40" s="783"/>
      <c r="H40" s="345">
        <v>18.431068921750583</v>
      </c>
      <c r="I40" s="775">
        <v>141980872.25</v>
      </c>
      <c r="J40" s="776"/>
      <c r="K40" s="345">
        <v>31.720969838453723</v>
      </c>
      <c r="L40" s="346">
        <v>305612227.75</v>
      </c>
    </row>
    <row r="41" spans="1:14" ht="10.5" x14ac:dyDescent="0.2">
      <c r="A41" s="167" t="s">
        <v>29</v>
      </c>
      <c r="B41" s="728">
        <v>2984392800</v>
      </c>
      <c r="C41" s="783"/>
      <c r="D41" s="728">
        <v>2984392800</v>
      </c>
      <c r="E41" s="783"/>
      <c r="F41" s="728">
        <v>365438902.18000007</v>
      </c>
      <c r="G41" s="783"/>
      <c r="H41" s="345">
        <v>12.245000127999239</v>
      </c>
      <c r="I41" s="775">
        <v>793760228.48000014</v>
      </c>
      <c r="J41" s="776"/>
      <c r="K41" s="345">
        <v>26.597042737805833</v>
      </c>
      <c r="L41" s="346">
        <v>2190632571.5199995</v>
      </c>
      <c r="M41" s="66"/>
      <c r="N41" s="66"/>
    </row>
    <row r="42" spans="1:14" ht="10.5" x14ac:dyDescent="0.2">
      <c r="A42" s="33" t="s">
        <v>30</v>
      </c>
      <c r="B42" s="728">
        <v>2221812200</v>
      </c>
      <c r="C42" s="783"/>
      <c r="D42" s="775">
        <v>2221812200</v>
      </c>
      <c r="E42" s="776"/>
      <c r="F42" s="728">
        <v>314290097.03000003</v>
      </c>
      <c r="G42" s="783"/>
      <c r="H42" s="345">
        <v>14.145664382885286</v>
      </c>
      <c r="I42" s="775">
        <v>693205378.05000007</v>
      </c>
      <c r="J42" s="776"/>
      <c r="K42" s="345">
        <v>31.19999872401457</v>
      </c>
      <c r="L42" s="346">
        <v>1528606821.9499998</v>
      </c>
    </row>
    <row r="43" spans="1:14" ht="10.5" x14ac:dyDescent="0.2">
      <c r="A43" s="33" t="s">
        <v>31</v>
      </c>
      <c r="B43" s="728">
        <v>478545500</v>
      </c>
      <c r="C43" s="783"/>
      <c r="D43" s="775">
        <v>478545500</v>
      </c>
      <c r="E43" s="776"/>
      <c r="F43" s="728">
        <v>47917431.789999999</v>
      </c>
      <c r="G43" s="783"/>
      <c r="H43" s="345">
        <v>10.013140190431214</v>
      </c>
      <c r="I43" s="775">
        <v>95299707.609999999</v>
      </c>
      <c r="J43" s="776"/>
      <c r="K43" s="345">
        <v>19.914450686507344</v>
      </c>
      <c r="L43" s="346">
        <v>383245792.38999999</v>
      </c>
    </row>
    <row r="44" spans="1:14" ht="10.5" x14ac:dyDescent="0.2">
      <c r="A44" s="33" t="s">
        <v>32</v>
      </c>
      <c r="B44" s="728">
        <v>0</v>
      </c>
      <c r="C44" s="783"/>
      <c r="D44" s="775">
        <v>0</v>
      </c>
      <c r="E44" s="776"/>
      <c r="F44" s="728">
        <v>0</v>
      </c>
      <c r="G44" s="783"/>
      <c r="H44" s="345">
        <v>0</v>
      </c>
      <c r="I44" s="775">
        <v>0</v>
      </c>
      <c r="J44" s="776"/>
      <c r="K44" s="345">
        <v>0</v>
      </c>
      <c r="L44" s="346">
        <v>0</v>
      </c>
    </row>
    <row r="45" spans="1:14" ht="10.5" x14ac:dyDescent="0.2">
      <c r="A45" s="33" t="s">
        <v>33</v>
      </c>
      <c r="B45" s="728">
        <v>56200</v>
      </c>
      <c r="C45" s="783"/>
      <c r="D45" s="775">
        <v>56200</v>
      </c>
      <c r="E45" s="776"/>
      <c r="F45" s="728">
        <v>5802.1</v>
      </c>
      <c r="G45" s="783"/>
      <c r="H45" s="345">
        <v>10.324021352313167</v>
      </c>
      <c r="I45" s="775">
        <v>5802.1</v>
      </c>
      <c r="J45" s="776"/>
      <c r="K45" s="345">
        <v>10.324021352313167</v>
      </c>
      <c r="L45" s="346">
        <v>50397.9</v>
      </c>
    </row>
    <row r="46" spans="1:14" ht="10.5" x14ac:dyDescent="0.2">
      <c r="A46" s="33" t="s">
        <v>34</v>
      </c>
      <c r="B46" s="728">
        <v>283978900</v>
      </c>
      <c r="C46" s="783"/>
      <c r="D46" s="775">
        <v>283978900</v>
      </c>
      <c r="E46" s="776"/>
      <c r="F46" s="728">
        <v>3225571.26</v>
      </c>
      <c r="G46" s="783"/>
      <c r="H46" s="345">
        <v>1.1358489169441814</v>
      </c>
      <c r="I46" s="775">
        <v>5249340.72</v>
      </c>
      <c r="J46" s="776"/>
      <c r="K46" s="345">
        <v>1.8484967439482298</v>
      </c>
      <c r="L46" s="346">
        <v>278729559.27999997</v>
      </c>
    </row>
    <row r="47" spans="1:14" ht="10.5" x14ac:dyDescent="0.2">
      <c r="A47" s="62" t="s">
        <v>35</v>
      </c>
      <c r="B47" s="728">
        <v>0</v>
      </c>
      <c r="C47" s="783"/>
      <c r="D47" s="775">
        <v>0</v>
      </c>
      <c r="E47" s="776"/>
      <c r="F47" s="728">
        <v>0</v>
      </c>
      <c r="G47" s="783"/>
      <c r="H47" s="345">
        <v>0</v>
      </c>
      <c r="I47" s="775">
        <v>0</v>
      </c>
      <c r="J47" s="776"/>
      <c r="K47" s="345">
        <v>0</v>
      </c>
      <c r="L47" s="346">
        <v>0</v>
      </c>
    </row>
    <row r="48" spans="1:14" ht="10.5" x14ac:dyDescent="0.2">
      <c r="A48" s="167" t="s">
        <v>36</v>
      </c>
      <c r="B48" s="728">
        <v>163748100</v>
      </c>
      <c r="C48" s="783"/>
      <c r="D48" s="728">
        <v>163748100</v>
      </c>
      <c r="E48" s="783"/>
      <c r="F48" s="728">
        <v>17232732.98</v>
      </c>
      <c r="G48" s="783"/>
      <c r="H48" s="345">
        <v>10.523928509704845</v>
      </c>
      <c r="I48" s="775">
        <v>33575532.93</v>
      </c>
      <c r="J48" s="776"/>
      <c r="K48" s="345">
        <v>20.504380160746905</v>
      </c>
      <c r="L48" s="346">
        <v>130172567.06999999</v>
      </c>
    </row>
    <row r="49" spans="1:14" ht="10.5" x14ac:dyDescent="0.2">
      <c r="A49" s="33" t="s">
        <v>37</v>
      </c>
      <c r="B49" s="728">
        <v>83718200</v>
      </c>
      <c r="C49" s="783"/>
      <c r="D49" s="775">
        <v>83718200</v>
      </c>
      <c r="E49" s="776"/>
      <c r="F49" s="728">
        <v>11972280.689999999</v>
      </c>
      <c r="G49" s="783"/>
      <c r="H49" s="345">
        <v>14.300690518907476</v>
      </c>
      <c r="I49" s="775">
        <v>24284073.84</v>
      </c>
      <c r="J49" s="776"/>
      <c r="K49" s="345">
        <v>29.00692303465674</v>
      </c>
      <c r="L49" s="346">
        <v>59434126.159999996</v>
      </c>
    </row>
    <row r="50" spans="1:14" ht="10.5" x14ac:dyDescent="0.2">
      <c r="A50" s="33" t="s">
        <v>38</v>
      </c>
      <c r="B50" s="728">
        <v>25102100</v>
      </c>
      <c r="C50" s="783"/>
      <c r="D50" s="775">
        <v>25102100</v>
      </c>
      <c r="E50" s="776"/>
      <c r="F50" s="728">
        <v>2069445.87</v>
      </c>
      <c r="G50" s="783"/>
      <c r="H50" s="345">
        <v>8.2441145163153671</v>
      </c>
      <c r="I50" s="775">
        <v>3099371.52</v>
      </c>
      <c r="J50" s="776"/>
      <c r="K50" s="345">
        <v>12.347060684165868</v>
      </c>
      <c r="L50" s="346">
        <v>22002728.48</v>
      </c>
    </row>
    <row r="51" spans="1:14" ht="10.5" x14ac:dyDescent="0.2">
      <c r="A51" s="33" t="s">
        <v>39</v>
      </c>
      <c r="B51" s="728">
        <v>9180000</v>
      </c>
      <c r="C51" s="783"/>
      <c r="D51" s="775">
        <v>9180000</v>
      </c>
      <c r="E51" s="776"/>
      <c r="F51" s="728">
        <v>2120546.31</v>
      </c>
      <c r="G51" s="783"/>
      <c r="H51" s="345">
        <v>23.099633006535949</v>
      </c>
      <c r="I51" s="775">
        <v>4091101.76</v>
      </c>
      <c r="J51" s="776"/>
      <c r="K51" s="345">
        <v>44.565378649237466</v>
      </c>
      <c r="L51" s="346">
        <v>5088898.24</v>
      </c>
    </row>
    <row r="52" spans="1:14" ht="21" x14ac:dyDescent="0.2">
      <c r="A52" s="60" t="s">
        <v>373</v>
      </c>
      <c r="B52" s="728">
        <v>0</v>
      </c>
      <c r="C52" s="783"/>
      <c r="D52" s="775">
        <v>0</v>
      </c>
      <c r="E52" s="776"/>
      <c r="F52" s="728">
        <v>0</v>
      </c>
      <c r="G52" s="783"/>
      <c r="H52" s="345">
        <v>0</v>
      </c>
      <c r="I52" s="775"/>
      <c r="J52" s="776"/>
      <c r="K52" s="345">
        <v>0</v>
      </c>
      <c r="L52" s="346">
        <v>0</v>
      </c>
    </row>
    <row r="53" spans="1:14" ht="10.5" x14ac:dyDescent="0.2">
      <c r="A53" s="62" t="s">
        <v>54</v>
      </c>
      <c r="B53" s="728">
        <v>45747800</v>
      </c>
      <c r="C53" s="783"/>
      <c r="D53" s="775">
        <v>45747800</v>
      </c>
      <c r="E53" s="776"/>
      <c r="F53" s="728">
        <v>1070460.1100000001</v>
      </c>
      <c r="G53" s="783"/>
      <c r="H53" s="345">
        <v>2.3399160396784113</v>
      </c>
      <c r="I53" s="775">
        <v>2100985.81</v>
      </c>
      <c r="J53" s="776"/>
      <c r="K53" s="345">
        <v>4.5925395538146097</v>
      </c>
      <c r="L53" s="346">
        <v>43646814.189999998</v>
      </c>
    </row>
    <row r="54" spans="1:14" ht="10.5" x14ac:dyDescent="0.2">
      <c r="A54" s="167" t="s">
        <v>40</v>
      </c>
      <c r="B54" s="744">
        <v>710018100</v>
      </c>
      <c r="C54" s="784"/>
      <c r="D54" s="744">
        <v>710018100</v>
      </c>
      <c r="E54" s="784"/>
      <c r="F54" s="744">
        <v>88511488.50999999</v>
      </c>
      <c r="G54" s="784"/>
      <c r="H54" s="358">
        <v>12.466089034913335</v>
      </c>
      <c r="I54" s="779">
        <v>174991198.54999998</v>
      </c>
      <c r="J54" s="780"/>
      <c r="K54" s="358">
        <v>24.646019383167836</v>
      </c>
      <c r="L54" s="475">
        <v>535026901.44999999</v>
      </c>
    </row>
    <row r="55" spans="1:14" ht="10.5" x14ac:dyDescent="0.2">
      <c r="A55" s="167" t="s">
        <v>41</v>
      </c>
      <c r="B55" s="728">
        <v>36288000</v>
      </c>
      <c r="C55" s="783"/>
      <c r="D55" s="775">
        <v>36288000</v>
      </c>
      <c r="E55" s="776"/>
      <c r="F55" s="728">
        <v>0</v>
      </c>
      <c r="G55" s="783"/>
      <c r="H55" s="345">
        <v>0</v>
      </c>
      <c r="I55" s="775">
        <v>0</v>
      </c>
      <c r="J55" s="776"/>
      <c r="K55" s="345">
        <v>0</v>
      </c>
      <c r="L55" s="346">
        <v>36288000</v>
      </c>
    </row>
    <row r="56" spans="1:14" ht="10.5" x14ac:dyDescent="0.2">
      <c r="A56" s="33" t="s">
        <v>42</v>
      </c>
      <c r="B56" s="728">
        <v>34788000</v>
      </c>
      <c r="C56" s="783"/>
      <c r="D56" s="775">
        <v>34788000</v>
      </c>
      <c r="E56" s="776"/>
      <c r="F56" s="728">
        <v>0</v>
      </c>
      <c r="G56" s="783"/>
      <c r="H56" s="345">
        <v>0</v>
      </c>
      <c r="I56" s="775">
        <v>0</v>
      </c>
      <c r="J56" s="776"/>
      <c r="K56" s="345">
        <v>0</v>
      </c>
      <c r="L56" s="346">
        <v>34788000</v>
      </c>
    </row>
    <row r="57" spans="1:14" ht="10.5" x14ac:dyDescent="0.2">
      <c r="A57" s="33" t="s">
        <v>43</v>
      </c>
      <c r="B57" s="728">
        <v>1500000</v>
      </c>
      <c r="C57" s="783"/>
      <c r="D57" s="775">
        <v>1500000</v>
      </c>
      <c r="E57" s="776"/>
      <c r="F57" s="728">
        <v>0</v>
      </c>
      <c r="G57" s="783"/>
      <c r="H57" s="345">
        <v>0</v>
      </c>
      <c r="I57" s="775">
        <v>0</v>
      </c>
      <c r="J57" s="776"/>
      <c r="K57" s="345">
        <v>0</v>
      </c>
      <c r="L57" s="346">
        <v>1500000</v>
      </c>
    </row>
    <row r="58" spans="1:14" ht="10.5" x14ac:dyDescent="0.2">
      <c r="A58" s="167" t="s">
        <v>44</v>
      </c>
      <c r="B58" s="728">
        <v>7652000</v>
      </c>
      <c r="C58" s="783"/>
      <c r="D58" s="728">
        <v>7652000</v>
      </c>
      <c r="E58" s="783"/>
      <c r="F58" s="728">
        <v>116542.13</v>
      </c>
      <c r="G58" s="783"/>
      <c r="H58" s="345">
        <v>1.5230283585990592</v>
      </c>
      <c r="I58" s="775">
        <v>288083.33999999997</v>
      </c>
      <c r="J58" s="776"/>
      <c r="K58" s="345">
        <v>3.7648110297961312</v>
      </c>
      <c r="L58" s="346">
        <v>7363916.6600000001</v>
      </c>
      <c r="M58" s="66"/>
      <c r="N58" s="66"/>
    </row>
    <row r="59" spans="1:14" ht="10.5" x14ac:dyDescent="0.2">
      <c r="A59" s="33" t="s">
        <v>45</v>
      </c>
      <c r="B59" s="728">
        <v>2056000</v>
      </c>
      <c r="C59" s="783"/>
      <c r="D59" s="775">
        <v>2056000</v>
      </c>
      <c r="E59" s="776"/>
      <c r="F59" s="728">
        <v>102365.1</v>
      </c>
      <c r="G59" s="783"/>
      <c r="H59" s="345">
        <v>4.9788472762645917</v>
      </c>
      <c r="I59" s="775">
        <v>102513.1</v>
      </c>
      <c r="J59" s="776"/>
      <c r="K59" s="345">
        <v>4.9860457198443582</v>
      </c>
      <c r="L59" s="346">
        <v>1953486.9</v>
      </c>
    </row>
    <row r="60" spans="1:14" ht="10.5" x14ac:dyDescent="0.2">
      <c r="A60" s="33" t="s">
        <v>46</v>
      </c>
      <c r="B60" s="728">
        <v>5596000</v>
      </c>
      <c r="C60" s="783"/>
      <c r="D60" s="775">
        <v>5596000</v>
      </c>
      <c r="E60" s="776"/>
      <c r="F60" s="728">
        <v>14177.03</v>
      </c>
      <c r="G60" s="783"/>
      <c r="H60" s="345">
        <v>0.25334220872051466</v>
      </c>
      <c r="I60" s="775">
        <v>185570.24</v>
      </c>
      <c r="J60" s="776"/>
      <c r="K60" s="345">
        <v>3.3161229449606857</v>
      </c>
      <c r="L60" s="346">
        <v>5410429.7599999998</v>
      </c>
    </row>
    <row r="61" spans="1:14" ht="10.5" x14ac:dyDescent="0.2">
      <c r="A61" s="167" t="s">
        <v>47</v>
      </c>
      <c r="B61" s="728">
        <v>2054800</v>
      </c>
      <c r="C61" s="783"/>
      <c r="D61" s="775">
        <v>2054800</v>
      </c>
      <c r="E61" s="776"/>
      <c r="F61" s="728">
        <v>301028.15000000002</v>
      </c>
      <c r="G61" s="783"/>
      <c r="H61" s="345">
        <v>14.649997566673157</v>
      </c>
      <c r="I61" s="775">
        <v>582783.06999999995</v>
      </c>
      <c r="J61" s="776"/>
      <c r="K61" s="345">
        <v>28.362033774576602</v>
      </c>
      <c r="L61" s="346">
        <v>1472016.9300000002</v>
      </c>
    </row>
    <row r="62" spans="1:14" ht="10.5" x14ac:dyDescent="0.2">
      <c r="A62" s="167" t="s">
        <v>48</v>
      </c>
      <c r="B62" s="728">
        <v>664023300</v>
      </c>
      <c r="C62" s="783"/>
      <c r="D62" s="728">
        <v>664023300</v>
      </c>
      <c r="E62" s="783"/>
      <c r="F62" s="728">
        <v>88093918.229999989</v>
      </c>
      <c r="G62" s="783"/>
      <c r="H62" s="345">
        <v>13.266690826963451</v>
      </c>
      <c r="I62" s="775">
        <v>174120332.13999999</v>
      </c>
      <c r="J62" s="776"/>
      <c r="K62" s="345">
        <v>26.222021447138978</v>
      </c>
      <c r="L62" s="346">
        <v>489902967.86000001</v>
      </c>
      <c r="M62" s="66"/>
      <c r="N62" s="66"/>
    </row>
    <row r="63" spans="1:14" ht="10.5" x14ac:dyDescent="0.2">
      <c r="A63" s="33" t="s">
        <v>30</v>
      </c>
      <c r="B63" s="728">
        <v>32204000</v>
      </c>
      <c r="C63" s="783"/>
      <c r="D63" s="775">
        <v>32204000</v>
      </c>
      <c r="E63" s="776"/>
      <c r="F63" s="728">
        <v>3626318.91</v>
      </c>
      <c r="G63" s="783"/>
      <c r="H63" s="345">
        <v>11.260461153893926</v>
      </c>
      <c r="I63" s="775">
        <v>3694046.41</v>
      </c>
      <c r="J63" s="776"/>
      <c r="K63" s="345">
        <v>11.47076887964228</v>
      </c>
      <c r="L63" s="346">
        <v>28509953.59</v>
      </c>
    </row>
    <row r="64" spans="1:14" ht="10.5" x14ac:dyDescent="0.2">
      <c r="A64" s="33" t="s">
        <v>31</v>
      </c>
      <c r="B64" s="728">
        <v>411979000</v>
      </c>
      <c r="C64" s="783"/>
      <c r="D64" s="775">
        <v>411979000</v>
      </c>
      <c r="E64" s="776"/>
      <c r="F64" s="728">
        <v>77142546.799999997</v>
      </c>
      <c r="G64" s="783"/>
      <c r="H64" s="345">
        <v>18.724873549379943</v>
      </c>
      <c r="I64" s="775">
        <v>147633526.94</v>
      </c>
      <c r="J64" s="776"/>
      <c r="K64" s="345">
        <v>35.835206877049558</v>
      </c>
      <c r="L64" s="346">
        <v>264345473.06</v>
      </c>
    </row>
    <row r="65" spans="1:13" ht="10.5" x14ac:dyDescent="0.2">
      <c r="A65" s="33" t="s">
        <v>32</v>
      </c>
      <c r="B65" s="728">
        <v>0</v>
      </c>
      <c r="C65" s="783"/>
      <c r="D65" s="775">
        <v>0</v>
      </c>
      <c r="E65" s="776"/>
      <c r="F65" s="728">
        <v>0</v>
      </c>
      <c r="G65" s="783"/>
      <c r="H65" s="345">
        <v>0</v>
      </c>
      <c r="I65" s="775">
        <v>0</v>
      </c>
      <c r="J65" s="776"/>
      <c r="K65" s="345">
        <v>0</v>
      </c>
      <c r="L65" s="346">
        <v>0</v>
      </c>
    </row>
    <row r="66" spans="1:13" ht="10.5" x14ac:dyDescent="0.2">
      <c r="A66" s="33" t="s">
        <v>33</v>
      </c>
      <c r="B66" s="728">
        <v>0</v>
      </c>
      <c r="C66" s="783"/>
      <c r="D66" s="775">
        <v>0</v>
      </c>
      <c r="E66" s="776"/>
      <c r="F66" s="728">
        <v>0</v>
      </c>
      <c r="G66" s="783"/>
      <c r="H66" s="345">
        <v>0</v>
      </c>
      <c r="I66" s="775">
        <v>0</v>
      </c>
      <c r="J66" s="776"/>
      <c r="K66" s="345">
        <v>0</v>
      </c>
      <c r="L66" s="346">
        <v>0</v>
      </c>
    </row>
    <row r="67" spans="1:13" ht="10.5" x14ac:dyDescent="0.2">
      <c r="A67" s="63" t="s">
        <v>49</v>
      </c>
      <c r="B67" s="728">
        <v>0</v>
      </c>
      <c r="C67" s="783"/>
      <c r="D67" s="775">
        <v>0</v>
      </c>
      <c r="E67" s="776"/>
      <c r="F67" s="728">
        <v>0</v>
      </c>
      <c r="G67" s="783"/>
      <c r="H67" s="345">
        <v>0</v>
      </c>
      <c r="I67" s="775">
        <v>0</v>
      </c>
      <c r="J67" s="776"/>
      <c r="K67" s="345">
        <v>0</v>
      </c>
      <c r="L67" s="346">
        <v>0</v>
      </c>
    </row>
    <row r="68" spans="1:13" ht="10.5" x14ac:dyDescent="0.2">
      <c r="A68" s="63" t="s">
        <v>34</v>
      </c>
      <c r="B68" s="728">
        <v>219840300</v>
      </c>
      <c r="C68" s="783"/>
      <c r="D68" s="775">
        <v>219840300</v>
      </c>
      <c r="E68" s="776"/>
      <c r="F68" s="728">
        <v>7325052.5199999996</v>
      </c>
      <c r="G68" s="783"/>
      <c r="H68" s="345">
        <v>3.3319880476873438</v>
      </c>
      <c r="I68" s="775">
        <v>22792758.789999999</v>
      </c>
      <c r="J68" s="776"/>
      <c r="K68" s="345">
        <v>10.367871036384138</v>
      </c>
      <c r="L68" s="346">
        <v>197047541.21000001</v>
      </c>
    </row>
    <row r="69" spans="1:13" ht="10.5" x14ac:dyDescent="0.2">
      <c r="A69" s="63" t="s">
        <v>35</v>
      </c>
      <c r="B69" s="728">
        <v>0</v>
      </c>
      <c r="C69" s="783"/>
      <c r="D69" s="775">
        <v>0</v>
      </c>
      <c r="E69" s="776"/>
      <c r="F69" s="728">
        <v>0</v>
      </c>
      <c r="G69" s="783"/>
      <c r="H69" s="345">
        <v>0</v>
      </c>
      <c r="I69" s="775">
        <v>0</v>
      </c>
      <c r="J69" s="776"/>
      <c r="K69" s="345">
        <v>0</v>
      </c>
      <c r="L69" s="346">
        <v>0</v>
      </c>
    </row>
    <row r="70" spans="1:13" ht="10.5" x14ac:dyDescent="0.2">
      <c r="A70" s="167" t="s">
        <v>50</v>
      </c>
      <c r="B70" s="728">
        <v>0</v>
      </c>
      <c r="C70" s="783"/>
      <c r="D70" s="728">
        <v>0</v>
      </c>
      <c r="E70" s="783"/>
      <c r="F70" s="728">
        <v>0</v>
      </c>
      <c r="G70" s="783"/>
      <c r="H70" s="345">
        <v>0</v>
      </c>
      <c r="I70" s="775">
        <v>0</v>
      </c>
      <c r="J70" s="776"/>
      <c r="K70" s="345">
        <v>0</v>
      </c>
      <c r="L70" s="346">
        <v>0</v>
      </c>
    </row>
    <row r="71" spans="1:13" ht="10.5" x14ac:dyDescent="0.2">
      <c r="A71" s="33" t="s">
        <v>51</v>
      </c>
      <c r="B71" s="728">
        <v>0</v>
      </c>
      <c r="C71" s="783"/>
      <c r="D71" s="775">
        <v>0</v>
      </c>
      <c r="E71" s="776"/>
      <c r="F71" s="728">
        <v>0</v>
      </c>
      <c r="G71" s="783"/>
      <c r="H71" s="345">
        <v>0</v>
      </c>
      <c r="I71" s="775">
        <v>0</v>
      </c>
      <c r="J71" s="776"/>
      <c r="K71" s="345">
        <v>0</v>
      </c>
      <c r="L71" s="346">
        <v>0</v>
      </c>
    </row>
    <row r="72" spans="1:13" ht="10.5" x14ac:dyDescent="0.2">
      <c r="A72" s="64" t="s">
        <v>52</v>
      </c>
      <c r="B72" s="728">
        <v>0</v>
      </c>
      <c r="C72" s="783"/>
      <c r="D72" s="775">
        <v>0</v>
      </c>
      <c r="E72" s="776"/>
      <c r="F72" s="775">
        <v>0</v>
      </c>
      <c r="G72" s="776"/>
      <c r="H72" s="345">
        <v>0</v>
      </c>
      <c r="I72" s="775">
        <v>0</v>
      </c>
      <c r="J72" s="776"/>
      <c r="K72" s="345">
        <v>0</v>
      </c>
      <c r="L72" s="346">
        <v>0</v>
      </c>
    </row>
    <row r="73" spans="1:13" ht="10.5" x14ac:dyDescent="0.2">
      <c r="A73" s="63" t="s">
        <v>53</v>
      </c>
      <c r="B73" s="728">
        <v>0</v>
      </c>
      <c r="C73" s="783"/>
      <c r="D73" s="775">
        <v>0</v>
      </c>
      <c r="E73" s="776"/>
      <c r="F73" s="728"/>
      <c r="G73" s="783"/>
      <c r="H73" s="345">
        <v>0</v>
      </c>
      <c r="I73" s="775">
        <v>0</v>
      </c>
      <c r="J73" s="776"/>
      <c r="K73" s="345">
        <v>0</v>
      </c>
      <c r="L73" s="346">
        <v>0</v>
      </c>
    </row>
    <row r="74" spans="1:13" ht="10.5" x14ac:dyDescent="0.2">
      <c r="A74" s="168" t="s">
        <v>82</v>
      </c>
      <c r="B74" s="787">
        <v>1179764000</v>
      </c>
      <c r="C74" s="788"/>
      <c r="D74" s="787">
        <v>1235056242.73</v>
      </c>
      <c r="E74" s="788"/>
      <c r="F74" s="787">
        <v>158942429.00999999</v>
      </c>
      <c r="G74" s="788"/>
      <c r="H74" s="670">
        <v>12.869246234379542</v>
      </c>
      <c r="I74" s="787">
        <v>254187367.19</v>
      </c>
      <c r="J74" s="788"/>
      <c r="K74" s="670">
        <v>20.581035777620759</v>
      </c>
      <c r="L74" s="671">
        <v>980868875.53999996</v>
      </c>
    </row>
    <row r="75" spans="1:13" ht="10.5" x14ac:dyDescent="0.2">
      <c r="A75" s="169" t="s">
        <v>83</v>
      </c>
      <c r="B75" s="785">
        <v>13057110000</v>
      </c>
      <c r="C75" s="786"/>
      <c r="D75" s="785">
        <v>13112402242.73</v>
      </c>
      <c r="E75" s="786"/>
      <c r="F75" s="785">
        <v>1928360928.7499998</v>
      </c>
      <c r="G75" s="786"/>
      <c r="H75" s="680">
        <v>14.706389363696909</v>
      </c>
      <c r="I75" s="785">
        <v>3881838530.1900001</v>
      </c>
      <c r="J75" s="786"/>
      <c r="K75" s="681">
        <v>29.604327706940463</v>
      </c>
      <c r="L75" s="682">
        <v>9230563712.539999</v>
      </c>
      <c r="M75" s="347"/>
    </row>
    <row r="76" spans="1:13" ht="10.5" x14ac:dyDescent="0.2">
      <c r="A76" s="348" t="s">
        <v>361</v>
      </c>
      <c r="B76" s="741"/>
      <c r="C76" s="742"/>
      <c r="D76" s="741"/>
      <c r="E76" s="742"/>
      <c r="F76" s="741"/>
      <c r="G76" s="742"/>
      <c r="H76" s="683">
        <v>0</v>
      </c>
      <c r="I76" s="741"/>
      <c r="J76" s="742"/>
      <c r="K76" s="684">
        <v>0</v>
      </c>
      <c r="L76" s="684"/>
    </row>
    <row r="77" spans="1:13" ht="10.5" x14ac:dyDescent="0.2">
      <c r="A77" s="167" t="s">
        <v>310</v>
      </c>
      <c r="B77" s="685"/>
      <c r="C77" s="686"/>
      <c r="D77" s="685"/>
      <c r="E77" s="686"/>
      <c r="F77" s="685"/>
      <c r="G77" s="686"/>
      <c r="H77" s="675">
        <v>0</v>
      </c>
      <c r="I77" s="685"/>
      <c r="J77" s="686"/>
      <c r="K77" s="687">
        <v>0</v>
      </c>
      <c r="L77" s="687"/>
    </row>
    <row r="78" spans="1:13" ht="10.5" x14ac:dyDescent="0.2">
      <c r="A78" s="33" t="s">
        <v>55</v>
      </c>
      <c r="B78" s="675"/>
      <c r="C78" s="688"/>
      <c r="D78" s="675"/>
      <c r="E78" s="688"/>
      <c r="F78" s="675"/>
      <c r="G78" s="688"/>
      <c r="H78" s="675">
        <v>0</v>
      </c>
      <c r="I78" s="675"/>
      <c r="J78" s="688"/>
      <c r="K78" s="687">
        <v>0</v>
      </c>
      <c r="L78" s="687"/>
    </row>
    <row r="79" spans="1:13" ht="10.5" x14ac:dyDescent="0.2">
      <c r="A79" s="65" t="s">
        <v>56</v>
      </c>
      <c r="B79" s="675"/>
      <c r="C79" s="688"/>
      <c r="D79" s="675"/>
      <c r="E79" s="688"/>
      <c r="F79" s="675"/>
      <c r="G79" s="688"/>
      <c r="H79" s="675">
        <v>0</v>
      </c>
      <c r="I79" s="675"/>
      <c r="J79" s="688"/>
      <c r="K79" s="687">
        <v>0</v>
      </c>
      <c r="L79" s="687"/>
    </row>
    <row r="80" spans="1:13" ht="10.5" x14ac:dyDescent="0.2">
      <c r="A80" s="167" t="s">
        <v>311</v>
      </c>
      <c r="B80" s="675"/>
      <c r="C80" s="688"/>
      <c r="D80" s="675"/>
      <c r="E80" s="688"/>
      <c r="F80" s="675"/>
      <c r="G80" s="688"/>
      <c r="H80" s="675">
        <v>0</v>
      </c>
      <c r="I80" s="675"/>
      <c r="J80" s="688"/>
      <c r="K80" s="687">
        <v>0</v>
      </c>
      <c r="L80" s="687"/>
    </row>
    <row r="81" spans="1:13" ht="10.5" x14ac:dyDescent="0.2">
      <c r="A81" s="33" t="s">
        <v>55</v>
      </c>
      <c r="B81" s="675"/>
      <c r="C81" s="688"/>
      <c r="D81" s="675"/>
      <c r="E81" s="688"/>
      <c r="F81" s="675"/>
      <c r="G81" s="688"/>
      <c r="H81" s="675">
        <v>0</v>
      </c>
      <c r="I81" s="675"/>
      <c r="J81" s="688"/>
      <c r="K81" s="687">
        <v>0</v>
      </c>
      <c r="L81" s="687"/>
    </row>
    <row r="82" spans="1:13" ht="10.5" x14ac:dyDescent="0.2">
      <c r="A82" s="65" t="s">
        <v>56</v>
      </c>
      <c r="B82" s="679"/>
      <c r="C82" s="689"/>
      <c r="D82" s="679"/>
      <c r="E82" s="689"/>
      <c r="F82" s="679"/>
      <c r="G82" s="689"/>
      <c r="H82" s="675">
        <v>0</v>
      </c>
      <c r="I82" s="679"/>
      <c r="J82" s="689"/>
      <c r="K82" s="690">
        <v>0</v>
      </c>
      <c r="L82" s="690"/>
    </row>
    <row r="83" spans="1:13" ht="10.5" x14ac:dyDescent="0.2">
      <c r="A83" s="169" t="s">
        <v>57</v>
      </c>
      <c r="B83" s="785">
        <v>13057110000</v>
      </c>
      <c r="C83" s="786"/>
      <c r="D83" s="785">
        <v>13112402242.73</v>
      </c>
      <c r="E83" s="786"/>
      <c r="F83" s="785">
        <v>1928360928.7499998</v>
      </c>
      <c r="G83" s="786"/>
      <c r="H83" s="682">
        <v>14.706389363696909</v>
      </c>
      <c r="I83" s="785">
        <v>3881838530.1900001</v>
      </c>
      <c r="J83" s="786"/>
      <c r="K83" s="691">
        <v>29.604327706940463</v>
      </c>
      <c r="L83" s="682">
        <v>9230563712.539999</v>
      </c>
      <c r="M83" s="32"/>
    </row>
    <row r="84" spans="1:13" ht="10.5" x14ac:dyDescent="0.2">
      <c r="A84" s="170" t="s">
        <v>84</v>
      </c>
      <c r="B84" s="785">
        <v>0</v>
      </c>
      <c r="C84" s="786"/>
      <c r="D84" s="785">
        <v>0</v>
      </c>
      <c r="E84" s="786"/>
      <c r="F84" s="785">
        <v>0</v>
      </c>
      <c r="G84" s="786"/>
      <c r="H84" s="682">
        <v>0</v>
      </c>
      <c r="I84" s="785">
        <v>162150742.15999985</v>
      </c>
      <c r="J84" s="786"/>
      <c r="K84" s="692">
        <v>0</v>
      </c>
      <c r="L84" s="693">
        <v>0</v>
      </c>
    </row>
    <row r="85" spans="1:13" ht="15" customHeight="1" x14ac:dyDescent="0.2">
      <c r="A85" s="31" t="s">
        <v>85</v>
      </c>
      <c r="B85" s="724">
        <v>13057110000</v>
      </c>
      <c r="C85" s="725"/>
      <c r="D85" s="724">
        <v>13112402242.73</v>
      </c>
      <c r="E85" s="725"/>
      <c r="F85" s="724">
        <v>1928360928.7499998</v>
      </c>
      <c r="G85" s="725"/>
      <c r="H85" s="666">
        <v>14.706389363696909</v>
      </c>
      <c r="I85" s="724">
        <v>4043989272.3499999</v>
      </c>
      <c r="J85" s="725"/>
      <c r="K85" s="666">
        <v>30.840948877938345</v>
      </c>
      <c r="L85" s="694">
        <v>9230563712.539999</v>
      </c>
    </row>
    <row r="86" spans="1:13" ht="21" x14ac:dyDescent="0.2">
      <c r="A86" s="462" t="s">
        <v>58</v>
      </c>
      <c r="B86" s="726">
        <v>0</v>
      </c>
      <c r="C86" s="727"/>
      <c r="D86" s="741">
        <v>0</v>
      </c>
      <c r="E86" s="742"/>
      <c r="F86" s="741">
        <v>0</v>
      </c>
      <c r="G86" s="742"/>
      <c r="H86" s="695">
        <v>0</v>
      </c>
      <c r="I86" s="741"/>
      <c r="J86" s="742"/>
      <c r="K86" s="695">
        <v>0</v>
      </c>
      <c r="L86" s="684" t="s">
        <v>156</v>
      </c>
    </row>
    <row r="87" spans="1:13" ht="10.5" x14ac:dyDescent="0.2">
      <c r="A87" s="463" t="s">
        <v>355</v>
      </c>
      <c r="B87" s="726">
        <v>0</v>
      </c>
      <c r="C87" s="727"/>
      <c r="D87" s="741">
        <v>0</v>
      </c>
      <c r="E87" s="742"/>
      <c r="F87" s="741">
        <v>0</v>
      </c>
      <c r="G87" s="742"/>
      <c r="H87" s="695">
        <v>0</v>
      </c>
      <c r="I87" s="741"/>
      <c r="J87" s="742"/>
      <c r="K87" s="695">
        <v>0</v>
      </c>
      <c r="L87" s="684" t="s">
        <v>156</v>
      </c>
    </row>
    <row r="88" spans="1:13" ht="10.5" x14ac:dyDescent="0.2">
      <c r="A88" s="464" t="s">
        <v>354</v>
      </c>
      <c r="B88" s="741">
        <v>0</v>
      </c>
      <c r="C88" s="742"/>
      <c r="D88" s="741">
        <v>0</v>
      </c>
      <c r="E88" s="742"/>
      <c r="F88" s="741">
        <v>0</v>
      </c>
      <c r="G88" s="742"/>
      <c r="H88" s="695">
        <v>0</v>
      </c>
      <c r="I88" s="741"/>
      <c r="J88" s="742"/>
      <c r="K88" s="695">
        <v>0</v>
      </c>
      <c r="L88" s="684" t="s">
        <v>156</v>
      </c>
    </row>
    <row r="89" spans="1:13" ht="5.0999999999999996" customHeight="1" x14ac:dyDescent="0.2">
      <c r="F89" s="66"/>
      <c r="G89" s="66"/>
      <c r="H89" s="66"/>
      <c r="I89" s="66"/>
      <c r="J89" s="66"/>
      <c r="K89" s="66"/>
      <c r="L89" s="66"/>
    </row>
    <row r="90" spans="1:13" ht="5.0999999999999996" customHeight="1" x14ac:dyDescent="0.2">
      <c r="E90" s="228"/>
      <c r="F90" s="66"/>
      <c r="G90" s="605"/>
      <c r="H90" s="605"/>
      <c r="I90" s="605"/>
      <c r="J90" s="66"/>
      <c r="K90" s="66"/>
      <c r="L90" s="66"/>
    </row>
    <row r="91" spans="1:13" ht="14.25" customHeight="1" x14ac:dyDescent="0.2">
      <c r="A91" s="748" t="s">
        <v>882</v>
      </c>
      <c r="B91" s="67" t="s">
        <v>157</v>
      </c>
      <c r="C91" s="67" t="s">
        <v>157</v>
      </c>
      <c r="D91" s="730" t="s">
        <v>158</v>
      </c>
      <c r="E91" s="740"/>
      <c r="F91" s="791" t="s">
        <v>161</v>
      </c>
      <c r="G91" s="730" t="s">
        <v>159</v>
      </c>
      <c r="H91" s="731"/>
      <c r="I91" s="791" t="s">
        <v>161</v>
      </c>
      <c r="J91" s="746" t="s">
        <v>538</v>
      </c>
      <c r="K91" s="732" t="s">
        <v>641</v>
      </c>
      <c r="L91" s="733"/>
    </row>
    <row r="92" spans="1:13" ht="27" customHeight="1" x14ac:dyDescent="0.15">
      <c r="A92" s="749"/>
      <c r="B92" s="68" t="s">
        <v>111</v>
      </c>
      <c r="C92" s="68" t="s">
        <v>112</v>
      </c>
      <c r="D92" s="712" t="s">
        <v>433</v>
      </c>
      <c r="E92" s="712" t="s">
        <v>434</v>
      </c>
      <c r="F92" s="792"/>
      <c r="G92" s="712" t="s">
        <v>433</v>
      </c>
      <c r="H92" s="713" t="s">
        <v>434</v>
      </c>
      <c r="I92" s="792"/>
      <c r="J92" s="747"/>
      <c r="K92" s="734"/>
      <c r="L92" s="735"/>
    </row>
    <row r="93" spans="1:13" ht="10.5" x14ac:dyDescent="0.2">
      <c r="A93" s="749"/>
      <c r="B93" s="68"/>
      <c r="C93" s="68"/>
      <c r="D93" s="70" t="s">
        <v>121</v>
      </c>
      <c r="E93" s="70" t="s">
        <v>121</v>
      </c>
      <c r="F93" s="792"/>
      <c r="G93" s="70" t="s">
        <v>121</v>
      </c>
      <c r="H93" s="70" t="s">
        <v>121</v>
      </c>
      <c r="I93" s="792"/>
      <c r="J93" s="747"/>
      <c r="K93" s="734"/>
      <c r="L93" s="735"/>
    </row>
    <row r="94" spans="1:13" s="589" customFormat="1" ht="12" customHeight="1" x14ac:dyDescent="0.2">
      <c r="A94" s="750"/>
      <c r="B94" s="586" t="s">
        <v>162</v>
      </c>
      <c r="C94" s="586" t="s">
        <v>163</v>
      </c>
      <c r="D94" s="588"/>
      <c r="E94" s="586" t="s">
        <v>233</v>
      </c>
      <c r="F94" s="587" t="s">
        <v>543</v>
      </c>
      <c r="G94" s="588"/>
      <c r="H94" s="586" t="s">
        <v>165</v>
      </c>
      <c r="I94" s="586" t="s">
        <v>544</v>
      </c>
      <c r="J94" s="586" t="s">
        <v>350</v>
      </c>
      <c r="K94" s="736"/>
      <c r="L94" s="737"/>
    </row>
    <row r="95" spans="1:13" s="52" customFormat="1" ht="10.5" x14ac:dyDescent="0.2">
      <c r="A95" s="172" t="s">
        <v>362</v>
      </c>
      <c r="B95" s="357">
        <v>12125839700</v>
      </c>
      <c r="C95" s="358">
        <v>12170149204.75</v>
      </c>
      <c r="D95" s="358">
        <v>1950669322.8000002</v>
      </c>
      <c r="E95" s="358">
        <v>4574315231.4699993</v>
      </c>
      <c r="F95" s="358">
        <v>7595833973.2799997</v>
      </c>
      <c r="G95" s="358">
        <v>1968444589.2400002</v>
      </c>
      <c r="H95" s="358">
        <v>3560501687.6700001</v>
      </c>
      <c r="I95" s="358">
        <v>8609647517.0799999</v>
      </c>
      <c r="J95" s="358">
        <v>3170588224.3599997</v>
      </c>
      <c r="K95" s="738">
        <v>0</v>
      </c>
      <c r="L95" s="739"/>
    </row>
    <row r="96" spans="1:13" s="52" customFormat="1" ht="10.5" x14ac:dyDescent="0.2">
      <c r="A96" s="72" t="s">
        <v>86</v>
      </c>
      <c r="B96" s="357">
        <v>10009392800</v>
      </c>
      <c r="C96" s="358">
        <v>10000165908.75</v>
      </c>
      <c r="D96" s="358">
        <v>1663909230.7</v>
      </c>
      <c r="E96" s="358">
        <v>3993316106.6399999</v>
      </c>
      <c r="F96" s="358">
        <v>6006849802.1099997</v>
      </c>
      <c r="G96" s="358">
        <v>1737453849.0900002</v>
      </c>
      <c r="H96" s="358">
        <v>3160973461.21</v>
      </c>
      <c r="I96" s="358">
        <v>6839192447.54</v>
      </c>
      <c r="J96" s="358">
        <v>2784111578.3999996</v>
      </c>
      <c r="K96" s="744">
        <v>0</v>
      </c>
      <c r="L96" s="745"/>
    </row>
    <row r="97" spans="1:12" s="52" customFormat="1" ht="10.5" x14ac:dyDescent="0.2">
      <c r="A97" s="72" t="s">
        <v>87</v>
      </c>
      <c r="B97" s="345">
        <v>5134540600</v>
      </c>
      <c r="C97" s="345">
        <v>5060429692.5799999</v>
      </c>
      <c r="D97" s="345">
        <v>928088688.46000004</v>
      </c>
      <c r="E97" s="345">
        <v>2312290312.1399999</v>
      </c>
      <c r="F97" s="345">
        <v>2748139380.4400001</v>
      </c>
      <c r="G97" s="345">
        <v>1023669596.34</v>
      </c>
      <c r="H97" s="345">
        <v>1811207450.6700001</v>
      </c>
      <c r="I97" s="345">
        <v>3249222241.9099998</v>
      </c>
      <c r="J97" s="345">
        <v>1515208306.3199999</v>
      </c>
      <c r="K97" s="728"/>
      <c r="L97" s="729"/>
    </row>
    <row r="98" spans="1:12" ht="10.5" x14ac:dyDescent="0.2">
      <c r="A98" s="72" t="s">
        <v>88</v>
      </c>
      <c r="B98" s="345">
        <v>267800700</v>
      </c>
      <c r="C98" s="345">
        <v>265727700</v>
      </c>
      <c r="D98" s="345">
        <v>49604300</v>
      </c>
      <c r="E98" s="345">
        <v>89546800</v>
      </c>
      <c r="F98" s="345">
        <v>176180900</v>
      </c>
      <c r="G98" s="345">
        <v>49147480.100000001</v>
      </c>
      <c r="H98" s="345">
        <v>87952830.579999998</v>
      </c>
      <c r="I98" s="345">
        <v>177774869.42000002</v>
      </c>
      <c r="J98" s="345">
        <v>87952830.579999998</v>
      </c>
      <c r="K98" s="728"/>
      <c r="L98" s="729"/>
    </row>
    <row r="99" spans="1:12" ht="10.5" x14ac:dyDescent="0.2">
      <c r="A99" s="72" t="s">
        <v>89</v>
      </c>
      <c r="B99" s="359">
        <v>4607051500</v>
      </c>
      <c r="C99" s="345">
        <v>4674008516.1700001</v>
      </c>
      <c r="D99" s="345">
        <v>686216242.24000001</v>
      </c>
      <c r="E99" s="345">
        <v>1591478994.5</v>
      </c>
      <c r="F99" s="345">
        <v>3082529521.6699996</v>
      </c>
      <c r="G99" s="345">
        <v>664636772.64999998</v>
      </c>
      <c r="H99" s="345">
        <v>1261813179.96</v>
      </c>
      <c r="I99" s="345">
        <v>3412195336.21</v>
      </c>
      <c r="J99" s="345">
        <v>1180950441.5</v>
      </c>
      <c r="K99" s="728">
        <v>0</v>
      </c>
      <c r="L99" s="729"/>
    </row>
    <row r="100" spans="1:12" ht="10.5" x14ac:dyDescent="0.2">
      <c r="A100" s="73" t="s">
        <v>741</v>
      </c>
      <c r="B100" s="345">
        <v>2079676200</v>
      </c>
      <c r="C100" s="345">
        <v>2064373230.1800001</v>
      </c>
      <c r="D100" s="345">
        <v>286448068.10000002</v>
      </c>
      <c r="E100" s="345">
        <v>743068068.10000002</v>
      </c>
      <c r="F100" s="345">
        <v>1321305162.0799999</v>
      </c>
      <c r="G100" s="345">
        <v>337660130.26999998</v>
      </c>
      <c r="H100" s="345">
        <v>732356943.13</v>
      </c>
      <c r="I100" s="345">
        <v>1332016287.0500002</v>
      </c>
      <c r="J100" s="345">
        <v>700694808.09000003</v>
      </c>
      <c r="K100" s="728"/>
      <c r="L100" s="729"/>
    </row>
    <row r="101" spans="1:12" ht="10.5" x14ac:dyDescent="0.2">
      <c r="A101" s="73" t="s">
        <v>742</v>
      </c>
      <c r="B101" s="345">
        <v>2527375300</v>
      </c>
      <c r="C101" s="345">
        <v>2609635285.9899998</v>
      </c>
      <c r="D101" s="345">
        <v>399768174.13999999</v>
      </c>
      <c r="E101" s="345">
        <v>848410926.39999998</v>
      </c>
      <c r="F101" s="345">
        <v>1761224359.5899997</v>
      </c>
      <c r="G101" s="345">
        <v>326976642.38</v>
      </c>
      <c r="H101" s="345">
        <v>529456236.82999998</v>
      </c>
      <c r="I101" s="345">
        <v>2080179049.1599998</v>
      </c>
      <c r="J101" s="345">
        <v>480255633.41000003</v>
      </c>
      <c r="K101" s="728"/>
      <c r="L101" s="729"/>
    </row>
    <row r="102" spans="1:12" s="52" customFormat="1" ht="10.5" x14ac:dyDescent="0.2">
      <c r="A102" s="72" t="s">
        <v>90</v>
      </c>
      <c r="B102" s="357">
        <v>1999571700</v>
      </c>
      <c r="C102" s="358">
        <v>2053108096</v>
      </c>
      <c r="D102" s="358">
        <v>286760092.10000002</v>
      </c>
      <c r="E102" s="358">
        <v>580999124.82999992</v>
      </c>
      <c r="F102" s="358">
        <v>1588984171.1700001</v>
      </c>
      <c r="G102" s="358">
        <v>230990740.15000004</v>
      </c>
      <c r="H102" s="358">
        <v>399528226.46000004</v>
      </c>
      <c r="I102" s="358">
        <v>1770455069.54</v>
      </c>
      <c r="J102" s="358">
        <v>386476645.96000004</v>
      </c>
      <c r="K102" s="744">
        <v>0</v>
      </c>
      <c r="L102" s="745"/>
    </row>
    <row r="103" spans="1:12" ht="10.5" x14ac:dyDescent="0.2">
      <c r="A103" s="66" t="s">
        <v>91</v>
      </c>
      <c r="B103" s="345">
        <v>1222433500</v>
      </c>
      <c r="C103" s="345">
        <v>1339825022</v>
      </c>
      <c r="D103" s="345">
        <v>146425787.34</v>
      </c>
      <c r="E103" s="345">
        <v>300630820.06999999</v>
      </c>
      <c r="F103" s="345">
        <v>1039194201.9300001</v>
      </c>
      <c r="G103" s="345">
        <v>88701404.030000001</v>
      </c>
      <c r="H103" s="345">
        <v>121266063.26000001</v>
      </c>
      <c r="I103" s="345">
        <v>1218558958.74</v>
      </c>
      <c r="J103" s="345">
        <v>108214482.76000001</v>
      </c>
      <c r="K103" s="728"/>
      <c r="L103" s="729"/>
    </row>
    <row r="104" spans="1:12" ht="10.5" x14ac:dyDescent="0.2">
      <c r="A104" s="66" t="s">
        <v>92</v>
      </c>
      <c r="B104" s="345">
        <v>13788800</v>
      </c>
      <c r="C104" s="345">
        <v>2344974</v>
      </c>
      <c r="D104" s="345">
        <v>356304.76</v>
      </c>
      <c r="E104" s="345">
        <v>356304.76</v>
      </c>
      <c r="F104" s="345">
        <v>1988669.24</v>
      </c>
      <c r="G104" s="345">
        <v>258246.76</v>
      </c>
      <c r="H104" s="345">
        <v>258246.76</v>
      </c>
      <c r="I104" s="345">
        <v>2086727.24</v>
      </c>
      <c r="J104" s="345">
        <v>258246.76</v>
      </c>
      <c r="K104" s="728"/>
      <c r="L104" s="729"/>
    </row>
    <row r="105" spans="1:12" ht="10.5" x14ac:dyDescent="0.2">
      <c r="A105" s="66" t="s">
        <v>93</v>
      </c>
      <c r="B105" s="345">
        <v>763349400</v>
      </c>
      <c r="C105" s="345">
        <v>710938100</v>
      </c>
      <c r="D105" s="345">
        <v>139978000</v>
      </c>
      <c r="E105" s="345">
        <v>280012000</v>
      </c>
      <c r="F105" s="345">
        <v>430926100</v>
      </c>
      <c r="G105" s="345">
        <v>142031089.36000001</v>
      </c>
      <c r="H105" s="345">
        <v>278003916.44</v>
      </c>
      <c r="I105" s="345">
        <v>432934183.56</v>
      </c>
      <c r="J105" s="345">
        <v>278003916.44</v>
      </c>
      <c r="K105" s="728"/>
      <c r="L105" s="729"/>
    </row>
    <row r="106" spans="1:12" ht="10.5" x14ac:dyDescent="0.2">
      <c r="A106" s="66" t="s">
        <v>94</v>
      </c>
      <c r="B106" s="346">
        <v>87915000</v>
      </c>
      <c r="C106" s="345">
        <v>87915000</v>
      </c>
      <c r="D106" s="345">
        <v>0</v>
      </c>
      <c r="E106" s="345">
        <v>0</v>
      </c>
      <c r="F106" s="345">
        <v>87915000</v>
      </c>
      <c r="G106" s="345">
        <v>0</v>
      </c>
      <c r="H106" s="345">
        <v>0</v>
      </c>
      <c r="I106" s="345">
        <v>87915000</v>
      </c>
      <c r="J106" s="345"/>
      <c r="K106" s="728"/>
      <c r="L106" s="729"/>
    </row>
    <row r="107" spans="1:12" ht="10.5" x14ac:dyDescent="0.2">
      <c r="A107" s="66" t="s">
        <v>95</v>
      </c>
      <c r="B107" s="346">
        <v>28960200</v>
      </c>
      <c r="C107" s="345">
        <v>28960200</v>
      </c>
      <c r="D107" s="345">
        <v>0</v>
      </c>
      <c r="E107" s="345">
        <v>0</v>
      </c>
      <c r="F107" s="345">
        <v>28960200</v>
      </c>
      <c r="G107" s="345">
        <v>0</v>
      </c>
      <c r="H107" s="345">
        <v>0</v>
      </c>
      <c r="I107" s="345">
        <v>28960200</v>
      </c>
      <c r="J107" s="345"/>
      <c r="K107" s="728"/>
      <c r="L107" s="729"/>
    </row>
    <row r="108" spans="1:12" s="52" customFormat="1" ht="10.5" x14ac:dyDescent="0.2">
      <c r="A108" s="72" t="s">
        <v>96</v>
      </c>
      <c r="B108" s="375">
        <v>931270300</v>
      </c>
      <c r="C108" s="375">
        <v>1041198127.25</v>
      </c>
      <c r="D108" s="375">
        <v>281513802.75</v>
      </c>
      <c r="E108" s="375">
        <v>584299333.63</v>
      </c>
      <c r="F108" s="375">
        <v>456898793.62</v>
      </c>
      <c r="G108" s="375">
        <v>260445361.88999999</v>
      </c>
      <c r="H108" s="375">
        <v>483487584.68000001</v>
      </c>
      <c r="I108" s="375">
        <v>557710542.56999993</v>
      </c>
      <c r="J108" s="375">
        <v>429323391.08000004</v>
      </c>
      <c r="K108" s="789">
        <v>0</v>
      </c>
      <c r="L108" s="790"/>
    </row>
    <row r="109" spans="1:12" s="52" customFormat="1" ht="10.5" x14ac:dyDescent="0.2">
      <c r="A109" s="134" t="s">
        <v>97</v>
      </c>
      <c r="B109" s="663">
        <v>13057110000</v>
      </c>
      <c r="C109" s="663">
        <v>13211347332</v>
      </c>
      <c r="D109" s="663">
        <v>2232183125.5500002</v>
      </c>
      <c r="E109" s="663">
        <v>5158614565.0999994</v>
      </c>
      <c r="F109" s="663">
        <v>8052732766.8999996</v>
      </c>
      <c r="G109" s="663">
        <v>2228889951.1300001</v>
      </c>
      <c r="H109" s="663">
        <v>4043989272.3499999</v>
      </c>
      <c r="I109" s="663">
        <v>9167358059.6499996</v>
      </c>
      <c r="J109" s="663">
        <v>3599911615.4399996</v>
      </c>
      <c r="K109" s="751">
        <v>0</v>
      </c>
      <c r="L109" s="752"/>
    </row>
    <row r="110" spans="1:12" ht="10.5" x14ac:dyDescent="0.2">
      <c r="A110" s="348" t="s">
        <v>363</v>
      </c>
      <c r="B110" s="353">
        <v>0</v>
      </c>
      <c r="C110" s="353">
        <v>0</v>
      </c>
      <c r="D110" s="353">
        <v>0</v>
      </c>
      <c r="E110" s="353">
        <v>0</v>
      </c>
      <c r="F110" s="353">
        <v>0</v>
      </c>
      <c r="G110" s="353">
        <v>0</v>
      </c>
      <c r="H110" s="353">
        <v>0</v>
      </c>
      <c r="I110" s="353">
        <v>0</v>
      </c>
      <c r="J110" s="353">
        <v>0</v>
      </c>
      <c r="K110" s="751">
        <v>0</v>
      </c>
      <c r="L110" s="752"/>
    </row>
    <row r="111" spans="1:12" ht="10.5" customHeight="1" x14ac:dyDescent="0.2">
      <c r="A111" s="167" t="s">
        <v>3</v>
      </c>
      <c r="B111" s="661">
        <v>0</v>
      </c>
      <c r="C111" s="661">
        <v>0</v>
      </c>
      <c r="D111" s="661">
        <v>0</v>
      </c>
      <c r="E111" s="661">
        <v>0</v>
      </c>
      <c r="F111" s="661">
        <v>0</v>
      </c>
      <c r="G111" s="661">
        <v>0</v>
      </c>
      <c r="H111" s="661">
        <v>0</v>
      </c>
      <c r="I111" s="661">
        <v>0</v>
      </c>
      <c r="J111" s="661">
        <v>0</v>
      </c>
      <c r="K111" s="696"/>
      <c r="L111" s="385"/>
    </row>
    <row r="112" spans="1:12" ht="10.5" customHeight="1" x14ac:dyDescent="0.2">
      <c r="A112" s="33" t="s">
        <v>1</v>
      </c>
      <c r="B112" s="346"/>
      <c r="C112" s="346"/>
      <c r="D112" s="345"/>
      <c r="E112" s="346"/>
      <c r="F112" s="345"/>
      <c r="G112" s="654"/>
      <c r="H112" s="654"/>
      <c r="I112" s="654"/>
      <c r="J112" s="345"/>
      <c r="K112" s="346"/>
      <c r="L112" s="362"/>
    </row>
    <row r="113" spans="1:12" ht="10.5" customHeight="1" x14ac:dyDescent="0.2">
      <c r="A113" s="33" t="s">
        <v>2</v>
      </c>
      <c r="B113" s="346"/>
      <c r="C113" s="346"/>
      <c r="D113" s="345"/>
      <c r="E113" s="346"/>
      <c r="F113" s="345"/>
      <c r="G113" s="654"/>
      <c r="H113" s="654"/>
      <c r="I113" s="654"/>
      <c r="J113" s="345"/>
      <c r="K113" s="346"/>
      <c r="L113" s="362"/>
    </row>
    <row r="114" spans="1:12" ht="10.5" customHeight="1" x14ac:dyDescent="0.2">
      <c r="A114" s="167" t="s">
        <v>4</v>
      </c>
      <c r="B114" s="661">
        <v>0</v>
      </c>
      <c r="C114" s="661">
        <v>0</v>
      </c>
      <c r="D114" s="661">
        <v>0</v>
      </c>
      <c r="E114" s="661">
        <v>0</v>
      </c>
      <c r="F114" s="661">
        <v>0</v>
      </c>
      <c r="G114" s="661">
        <v>0</v>
      </c>
      <c r="H114" s="661">
        <v>0</v>
      </c>
      <c r="I114" s="661">
        <v>0</v>
      </c>
      <c r="J114" s="661">
        <v>0</v>
      </c>
      <c r="K114" s="346"/>
      <c r="L114" s="362"/>
    </row>
    <row r="115" spans="1:12" ht="10.5" customHeight="1" x14ac:dyDescent="0.2">
      <c r="A115" s="33" t="s">
        <v>1</v>
      </c>
      <c r="B115" s="346"/>
      <c r="C115" s="346"/>
      <c r="D115" s="345"/>
      <c r="E115" s="346"/>
      <c r="F115" s="345"/>
      <c r="G115" s="654"/>
      <c r="H115" s="654"/>
      <c r="I115" s="654"/>
      <c r="J115" s="345"/>
      <c r="K115" s="346"/>
      <c r="L115" s="362"/>
    </row>
    <row r="116" spans="1:12" ht="10.5" customHeight="1" x14ac:dyDescent="0.2">
      <c r="A116" s="34" t="s">
        <v>2</v>
      </c>
      <c r="B116" s="360"/>
      <c r="C116" s="360"/>
      <c r="D116" s="356"/>
      <c r="E116" s="360"/>
      <c r="F116" s="356"/>
      <c r="G116" s="656"/>
      <c r="H116" s="656"/>
      <c r="I116" s="656"/>
      <c r="J116" s="356"/>
      <c r="K116" s="360"/>
      <c r="L116" s="364"/>
    </row>
    <row r="117" spans="1:12" ht="10.5" x14ac:dyDescent="0.2">
      <c r="A117" s="171" t="s">
        <v>98</v>
      </c>
      <c r="B117" s="433">
        <v>13057110000</v>
      </c>
      <c r="C117" s="433">
        <v>13211347332</v>
      </c>
      <c r="D117" s="433">
        <v>2232183125.5500002</v>
      </c>
      <c r="E117" s="433">
        <v>5158614565.0999994</v>
      </c>
      <c r="F117" s="433">
        <v>8052732766.8999996</v>
      </c>
      <c r="G117" s="433">
        <v>2228889951.1300001</v>
      </c>
      <c r="H117" s="433">
        <v>4043989272.3499999</v>
      </c>
      <c r="I117" s="433">
        <v>9167358059.6499996</v>
      </c>
      <c r="J117" s="433">
        <v>3599911615.4399996</v>
      </c>
      <c r="K117" s="753">
        <v>0</v>
      </c>
      <c r="L117" s="754"/>
    </row>
    <row r="118" spans="1:12" ht="10.5" x14ac:dyDescent="0.2">
      <c r="A118" s="171" t="s">
        <v>99</v>
      </c>
      <c r="B118" s="657"/>
      <c r="C118" s="657"/>
      <c r="D118" s="657"/>
      <c r="E118" s="657"/>
      <c r="F118" s="657"/>
      <c r="G118" s="657"/>
      <c r="H118" s="361">
        <v>0</v>
      </c>
      <c r="I118" s="352"/>
      <c r="J118" s="352"/>
      <c r="K118" s="753"/>
      <c r="L118" s="754"/>
    </row>
    <row r="119" spans="1:12" ht="15" customHeight="1" x14ac:dyDescent="0.2">
      <c r="A119" s="71" t="s">
        <v>100</v>
      </c>
      <c r="B119" s="434">
        <v>13057110000</v>
      </c>
      <c r="C119" s="434">
        <v>13211347332</v>
      </c>
      <c r="D119" s="434">
        <v>2232183125.5500002</v>
      </c>
      <c r="E119" s="434">
        <v>5158614565.0999994</v>
      </c>
      <c r="F119" s="660">
        <v>8052732766.8999996</v>
      </c>
      <c r="G119" s="660">
        <v>2228889951.1300001</v>
      </c>
      <c r="H119" s="665">
        <v>4043989272.3499999</v>
      </c>
      <c r="I119" s="660">
        <v>9167358059.6499996</v>
      </c>
      <c r="J119" s="660">
        <v>3599911615.4399996</v>
      </c>
      <c r="K119" s="755">
        <v>0</v>
      </c>
      <c r="L119" s="756"/>
    </row>
    <row r="120" spans="1:12" ht="11.25" customHeight="1" x14ac:dyDescent="0.2">
      <c r="A120" s="53" t="s">
        <v>877</v>
      </c>
      <c r="K120" s="743"/>
      <c r="L120" s="743"/>
    </row>
    <row r="121" spans="1:12" ht="11.25" customHeight="1" x14ac:dyDescent="0.2">
      <c r="D121" s="228"/>
    </row>
    <row r="122" spans="1:12" ht="11.25" customHeight="1" x14ac:dyDescent="0.2">
      <c r="B122" s="228"/>
      <c r="C122" s="228"/>
      <c r="D122" s="228"/>
    </row>
    <row r="123" spans="1:12" ht="11.25" customHeight="1" x14ac:dyDescent="0.2">
      <c r="C123" s="228"/>
      <c r="D123" s="228"/>
      <c r="E123" s="228"/>
      <c r="G123" s="228"/>
      <c r="H123" s="228"/>
    </row>
    <row r="124" spans="1:12" ht="11.25" customHeight="1" x14ac:dyDescent="0.2">
      <c r="B124" s="228"/>
      <c r="D124" s="228"/>
    </row>
    <row r="125" spans="1:12" ht="11.25" customHeight="1" x14ac:dyDescent="0.2">
      <c r="B125" s="228"/>
      <c r="D125" s="228"/>
      <c r="E125" s="228"/>
    </row>
    <row r="126" spans="1:12" ht="11.25" customHeight="1" x14ac:dyDescent="0.2">
      <c r="B126" s="228"/>
      <c r="D126" s="228"/>
    </row>
    <row r="127" spans="1:12" ht="11.25" customHeight="1" x14ac:dyDescent="0.2">
      <c r="D127" s="228"/>
    </row>
  </sheetData>
  <dataConsolidate/>
  <customSheetViews>
    <customSheetView guid="{6DBFA32C-4AA4-4E1D-9A48-697377C64CC3}" scale="90" showPageBreaks="1" showGridLines="0" fitToPage="1" printArea="1" hiddenRows="1" topLeftCell="B83">
      <selection activeCell="I70" sqref="I70:J70"/>
      <rowBreaks count="1" manualBreakCount="1">
        <brk id="90" max="16383" man="1"/>
      </rowBreaks>
      <pageMargins left="0.19685039370078741" right="0.19685039370078741" top="0.19685039370078741" bottom="0.19685039370078741" header="0" footer="0.19685039370078741"/>
      <printOptions horizontalCentered="1"/>
      <pageSetup paperSize="9" scale="37" orientation="portrait" r:id="rId1"/>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2"/>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3"/>
      <headerFooter alignWithMargins="0"/>
    </customSheetView>
    <customSheetView guid="{82EDB5A4-4824-4632-A540-7A52C92F04C7}" showPageBreaks="1" showGridLines="0" fitToPage="1" printArea="1" hiddenRows="1" topLeftCell="B20">
      <selection activeCell="I41" sqref="I41:J41"/>
      <rowBreaks count="1" manualBreakCount="1">
        <brk id="97" max="16383" man="1"/>
      </rowBreaks>
      <pageMargins left="0.19685039370078741" right="0.19685039370078741" top="0.19685039370078741" bottom="0.19685039370078741" header="0" footer="0"/>
      <printOptions horizontalCentered="1"/>
      <pageSetup paperSize="9" scale="37" fitToHeight="2" orientation="portrait" r:id="rId4"/>
      <headerFooter alignWithMargins="0"/>
    </customSheetView>
    <customSheetView guid="{3AAF6A5F-F9AA-430B-9AD9-1261ECDF41B5}" showPageBreaks="1" showGridLines="0" fitToPage="1" printArea="1" hiddenRows="1" topLeftCell="D58">
      <selection activeCell="I72" sqref="I72:J72"/>
      <rowBreaks count="1" manualBreakCount="1">
        <brk id="97" max="11" man="1"/>
      </rowBreaks>
      <pageMargins left="0.19685039370078741" right="0.19685039370078741" top="0.19685039370078741" bottom="0.19685039370078741" header="0" footer="0.19685039370078741"/>
      <printOptions horizontalCentered="1"/>
      <pageSetup paperSize="9" scale="37" orientation="portrait" r:id="rId5"/>
      <headerFooter alignWithMargins="0"/>
    </customSheetView>
    <customSheetView guid="{C779D862-DE28-46CD-A428-4AAA1056D1E1}" showGridLines="0" fitToPage="1" hiddenRows="1">
      <rowBreaks count="1" manualBreakCount="1">
        <brk id="97" max="16383" man="1"/>
      </rowBreaks>
      <pageMargins left="0.19685039370078741" right="0.19685039370078741" top="0.39370078740157483" bottom="0.19685039370078741" header="0" footer="0"/>
      <printOptions horizontalCentered="1"/>
      <pageSetup paperSize="9" scale="37" orientation="portrait" r:id="rId6"/>
      <headerFooter alignWithMargins="0"/>
    </customSheetView>
    <customSheetView guid="{25EF1E0D-169B-4051-B414-7E1196FC05E4}" showPageBreaks="1" showGridLines="0" fitToPage="1" printArea="1" topLeftCell="B7">
      <selection activeCell="I20" sqref="I20:J20"/>
      <rowBreaks count="1" manualBreakCount="1">
        <brk id="97" max="16383" man="1"/>
      </rowBreaks>
      <pageMargins left="0.19685039370078741" right="0.19685039370078741" top="0.19685039370078741" bottom="0.19685039370078741" header="0" footer="0"/>
      <printOptions horizontalCentered="1"/>
      <pageSetup paperSize="9" scale="37" orientation="portrait" r:id="rId7"/>
      <headerFooter alignWithMargins="0"/>
    </customSheetView>
  </customSheetViews>
  <mergeCells count="321">
    <mergeCell ref="B84:C84"/>
    <mergeCell ref="D84:E84"/>
    <mergeCell ref="F84:G84"/>
    <mergeCell ref="F83:G83"/>
    <mergeCell ref="K107:L107"/>
    <mergeCell ref="K108:L108"/>
    <mergeCell ref="K110:L110"/>
    <mergeCell ref="K102:L102"/>
    <mergeCell ref="K103:L103"/>
    <mergeCell ref="K104:L104"/>
    <mergeCell ref="K105:L105"/>
    <mergeCell ref="K106:L106"/>
    <mergeCell ref="B83:C83"/>
    <mergeCell ref="I83:J83"/>
    <mergeCell ref="F91:F93"/>
    <mergeCell ref="I91:I93"/>
    <mergeCell ref="D83:E83"/>
    <mergeCell ref="F85:G85"/>
    <mergeCell ref="D86:E86"/>
    <mergeCell ref="I86:J86"/>
    <mergeCell ref="D88:E88"/>
    <mergeCell ref="D85:E85"/>
    <mergeCell ref="D87:E87"/>
    <mergeCell ref="I84:J84"/>
    <mergeCell ref="B75:C75"/>
    <mergeCell ref="F75:G75"/>
    <mergeCell ref="I75:J75"/>
    <mergeCell ref="B76:C76"/>
    <mergeCell ref="D76:E76"/>
    <mergeCell ref="F76:G76"/>
    <mergeCell ref="I76:J76"/>
    <mergeCell ref="D75:E75"/>
    <mergeCell ref="B73:C73"/>
    <mergeCell ref="D73:E73"/>
    <mergeCell ref="F73:G73"/>
    <mergeCell ref="I73:J73"/>
    <mergeCell ref="B74:C74"/>
    <mergeCell ref="D74:E74"/>
    <mergeCell ref="F74:G74"/>
    <mergeCell ref="I74:J74"/>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5:C35"/>
    <mergeCell ref="D35:E35"/>
    <mergeCell ref="F35:G35"/>
    <mergeCell ref="I35:J35"/>
    <mergeCell ref="B38:C38"/>
    <mergeCell ref="D38:E38"/>
    <mergeCell ref="F38:G38"/>
    <mergeCell ref="I38:J38"/>
    <mergeCell ref="I33:J33"/>
    <mergeCell ref="B34:C34"/>
    <mergeCell ref="D34:E34"/>
    <mergeCell ref="F34:G34"/>
    <mergeCell ref="I34:J34"/>
    <mergeCell ref="B33:C33"/>
    <mergeCell ref="D33:E33"/>
    <mergeCell ref="F33:G33"/>
    <mergeCell ref="B37:C37"/>
    <mergeCell ref="D37:E37"/>
    <mergeCell ref="F37:G37"/>
    <mergeCell ref="I37:J37"/>
    <mergeCell ref="B36:C36"/>
    <mergeCell ref="D36:E36"/>
    <mergeCell ref="F36:G36"/>
    <mergeCell ref="I36:J36"/>
    <mergeCell ref="B32:C32"/>
    <mergeCell ref="D32:E32"/>
    <mergeCell ref="F32:G32"/>
    <mergeCell ref="I32:J32"/>
    <mergeCell ref="I25:J25"/>
    <mergeCell ref="B26:C26"/>
    <mergeCell ref="D26:E26"/>
    <mergeCell ref="F26:G26"/>
    <mergeCell ref="I26:J26"/>
    <mergeCell ref="B31:C31"/>
    <mergeCell ref="D31:E31"/>
    <mergeCell ref="F31:G31"/>
    <mergeCell ref="I31:J31"/>
    <mergeCell ref="B29:C29"/>
    <mergeCell ref="D29:E29"/>
    <mergeCell ref="F29:G29"/>
    <mergeCell ref="I29:J29"/>
    <mergeCell ref="B30:C30"/>
    <mergeCell ref="D30:E30"/>
    <mergeCell ref="F30:G30"/>
    <mergeCell ref="I30:J30"/>
    <mergeCell ref="B27:C27"/>
    <mergeCell ref="D27:E27"/>
    <mergeCell ref="F27:G27"/>
    <mergeCell ref="B17:C17"/>
    <mergeCell ref="D17:E17"/>
    <mergeCell ref="F17:G17"/>
    <mergeCell ref="I17:J17"/>
    <mergeCell ref="I18:J18"/>
    <mergeCell ref="B18:C18"/>
    <mergeCell ref="D18:E18"/>
    <mergeCell ref="F18:G18"/>
    <mergeCell ref="B16:C16"/>
    <mergeCell ref="D16:E16"/>
    <mergeCell ref="F16:G16"/>
    <mergeCell ref="D22:E22"/>
    <mergeCell ref="F22:G22"/>
    <mergeCell ref="I21:J21"/>
    <mergeCell ref="I22:J22"/>
    <mergeCell ref="B28:C28"/>
    <mergeCell ref="D28:E28"/>
    <mergeCell ref="F28:G28"/>
    <mergeCell ref="I28:J28"/>
    <mergeCell ref="B23:C23"/>
    <mergeCell ref="D23:E23"/>
    <mergeCell ref="F23:G23"/>
    <mergeCell ref="I23:J23"/>
    <mergeCell ref="B24:C24"/>
    <mergeCell ref="D24:E24"/>
    <mergeCell ref="F24:G24"/>
    <mergeCell ref="I24:J24"/>
    <mergeCell ref="B25:C25"/>
    <mergeCell ref="D25:E25"/>
    <mergeCell ref="F25:G25"/>
    <mergeCell ref="I27:J27"/>
    <mergeCell ref="B22:C22"/>
    <mergeCell ref="B15:C15"/>
    <mergeCell ref="B21:C21"/>
    <mergeCell ref="B13:C13"/>
    <mergeCell ref="D13:E13"/>
    <mergeCell ref="F13:G13"/>
    <mergeCell ref="I13:J13"/>
    <mergeCell ref="B14:C14"/>
    <mergeCell ref="D14:E14"/>
    <mergeCell ref="F15:G15"/>
    <mergeCell ref="F14:G14"/>
    <mergeCell ref="I15:J15"/>
    <mergeCell ref="I14:J14"/>
    <mergeCell ref="D15:E15"/>
    <mergeCell ref="I19:J19"/>
    <mergeCell ref="F19:G19"/>
    <mergeCell ref="D19:E19"/>
    <mergeCell ref="B19:C19"/>
    <mergeCell ref="B20:C20"/>
    <mergeCell ref="D20:E20"/>
    <mergeCell ref="F20:G20"/>
    <mergeCell ref="I20:J20"/>
    <mergeCell ref="D21:E21"/>
    <mergeCell ref="F21:G21"/>
    <mergeCell ref="I16:J16"/>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K120:L120"/>
    <mergeCell ref="K96:L96"/>
    <mergeCell ref="J91:J93"/>
    <mergeCell ref="I87:J87"/>
    <mergeCell ref="I88:J88"/>
    <mergeCell ref="F88:G88"/>
    <mergeCell ref="A91:A94"/>
    <mergeCell ref="B88:C88"/>
    <mergeCell ref="B87:C87"/>
    <mergeCell ref="K109:L109"/>
    <mergeCell ref="K118:L118"/>
    <mergeCell ref="K119:L119"/>
    <mergeCell ref="F87:G87"/>
    <mergeCell ref="K117:L117"/>
    <mergeCell ref="B85:C85"/>
    <mergeCell ref="I85:J85"/>
    <mergeCell ref="B86:C86"/>
    <mergeCell ref="K98:L98"/>
    <mergeCell ref="K99:L99"/>
    <mergeCell ref="K100:L100"/>
    <mergeCell ref="K101:L101"/>
    <mergeCell ref="G91:H91"/>
    <mergeCell ref="K91:L94"/>
    <mergeCell ref="K95:L95"/>
    <mergeCell ref="K97:L97"/>
    <mergeCell ref="D91:E91"/>
    <mergeCell ref="F86:G86"/>
  </mergeCells>
  <phoneticPr fontId="1" type="noConversion"/>
  <printOptions horizontalCentered="1"/>
  <pageMargins left="0.19685039370078741" right="0.19685039370078741" top="0.59055118110236227" bottom="0.19685039370078741" header="0" footer="0"/>
  <pageSetup paperSize="9" scale="37" orientation="portrait" r:id="rId8"/>
  <headerFooter alignWithMargins="0"/>
  <rowBreaks count="1" manualBreakCount="1">
    <brk id="97" max="16383" man="1"/>
  </rowBreaks>
  <drawing r:id="rId9"/>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tabColor rgb="FF0070C0"/>
    <pageSetUpPr fitToPage="1"/>
  </sheetPr>
  <dimension ref="A1:G96"/>
  <sheetViews>
    <sheetView showGridLines="0" zoomScaleNormal="100" workbookViewId="0">
      <selection activeCell="D17" sqref="D17"/>
    </sheetView>
  </sheetViews>
  <sheetFormatPr defaultColWidth="3.28515625" defaultRowHeight="11.25" customHeight="1" x14ac:dyDescent="0.2"/>
  <cols>
    <col min="1" max="1" width="56.7109375" style="53" customWidth="1"/>
    <col min="2" max="3" width="19.140625" style="53" customWidth="1"/>
    <col min="4" max="4" width="20.140625" style="53" customWidth="1"/>
    <col min="5" max="5" width="16" style="53" bestFit="1" customWidth="1"/>
    <col min="6" max="6" width="16.85546875" style="53" bestFit="1" customWidth="1"/>
    <col min="7" max="7" width="18.140625" style="53" bestFit="1" customWidth="1"/>
    <col min="8" max="16384" width="3.28515625" style="1"/>
  </cols>
  <sheetData>
    <row r="1" spans="1:7" s="30" customFormat="1" ht="14.25" customHeight="1" x14ac:dyDescent="0.2">
      <c r="A1" s="461"/>
      <c r="B1" s="461"/>
      <c r="C1" s="461"/>
      <c r="D1" s="461"/>
      <c r="E1" s="461"/>
      <c r="F1" s="461"/>
      <c r="G1" s="461"/>
    </row>
    <row r="2" spans="1:7" s="30" customFormat="1" ht="14.25" customHeight="1" x14ac:dyDescent="0.2">
      <c r="A2" s="461"/>
      <c r="B2" s="461"/>
      <c r="C2" s="461"/>
      <c r="D2" s="461"/>
      <c r="E2" s="461"/>
      <c r="F2" s="461"/>
      <c r="G2" s="461"/>
    </row>
    <row r="3" spans="1:7" s="53" customFormat="1" ht="10.5" x14ac:dyDescent="0.2">
      <c r="A3" s="757" t="s">
        <v>643</v>
      </c>
      <c r="B3" s="757"/>
      <c r="C3" s="757"/>
      <c r="D3" s="757"/>
      <c r="E3" s="757"/>
      <c r="F3" s="757"/>
      <c r="G3" s="757"/>
    </row>
    <row r="4" spans="1:7" s="53" customFormat="1" ht="10.5" x14ac:dyDescent="0.2">
      <c r="A4" s="757" t="s">
        <v>105</v>
      </c>
      <c r="B4" s="757"/>
      <c r="C4" s="757"/>
      <c r="D4" s="757"/>
      <c r="E4" s="757"/>
      <c r="F4" s="757"/>
      <c r="G4" s="757"/>
    </row>
    <row r="5" spans="1:7" s="53" customFormat="1" ht="10.5" x14ac:dyDescent="0.2">
      <c r="A5" s="757" t="s">
        <v>211</v>
      </c>
      <c r="B5" s="757"/>
      <c r="C5" s="757"/>
      <c r="D5" s="757"/>
      <c r="E5" s="757"/>
      <c r="F5" s="757"/>
      <c r="G5" s="757"/>
    </row>
    <row r="6" spans="1:7" s="53" customFormat="1" ht="10.5" customHeight="1" x14ac:dyDescent="0.2">
      <c r="A6" s="757" t="s">
        <v>107</v>
      </c>
      <c r="B6" s="757"/>
      <c r="C6" s="757"/>
      <c r="D6" s="757"/>
      <c r="E6" s="757"/>
      <c r="F6" s="757"/>
      <c r="G6" s="757"/>
    </row>
    <row r="7" spans="1:7" s="53" customFormat="1" ht="10.5" customHeight="1" x14ac:dyDescent="0.2">
      <c r="A7" s="757" t="s">
        <v>869</v>
      </c>
      <c r="B7" s="757"/>
      <c r="C7" s="757"/>
      <c r="D7" s="757"/>
      <c r="E7" s="757"/>
      <c r="F7" s="757"/>
      <c r="G7" s="757"/>
    </row>
    <row r="8" spans="1:7" s="30" customFormat="1" ht="10.5" x14ac:dyDescent="0.2"/>
    <row r="9" spans="1:7" s="30" customFormat="1" ht="10.5" x14ac:dyDescent="0.2">
      <c r="A9" s="143" t="s">
        <v>368</v>
      </c>
      <c r="G9" s="256">
        <v>1</v>
      </c>
    </row>
    <row r="10" spans="1:7" ht="15" customHeight="1" x14ac:dyDescent="0.2">
      <c r="A10" s="822" t="s">
        <v>213</v>
      </c>
      <c r="B10" s="766" t="s">
        <v>314</v>
      </c>
      <c r="C10" s="767"/>
      <c r="D10" s="767"/>
      <c r="E10" s="767"/>
      <c r="F10" s="767"/>
      <c r="G10" s="767"/>
    </row>
    <row r="11" spans="1:7" ht="15" customHeight="1" x14ac:dyDescent="0.2">
      <c r="A11" s="825"/>
      <c r="B11" s="766" t="s">
        <v>212</v>
      </c>
      <c r="C11" s="922"/>
      <c r="D11" s="823" t="s">
        <v>431</v>
      </c>
      <c r="E11" s="823" t="s">
        <v>218</v>
      </c>
      <c r="F11" s="823" t="s">
        <v>217</v>
      </c>
      <c r="G11" s="923" t="s">
        <v>430</v>
      </c>
    </row>
    <row r="12" spans="1:7" ht="10.5" customHeight="1" x14ac:dyDescent="0.2">
      <c r="A12" s="825"/>
      <c r="B12" s="240" t="s">
        <v>313</v>
      </c>
      <c r="C12" s="237" t="s">
        <v>214</v>
      </c>
      <c r="D12" s="842"/>
      <c r="E12" s="842"/>
      <c r="F12" s="842"/>
      <c r="G12" s="924"/>
    </row>
    <row r="13" spans="1:7" ht="10.5" x14ac:dyDescent="0.2">
      <c r="A13" s="825"/>
      <c r="B13" s="237" t="s">
        <v>215</v>
      </c>
      <c r="C13" s="237" t="s">
        <v>216</v>
      </c>
      <c r="D13" s="842"/>
      <c r="E13" s="842"/>
      <c r="F13" s="842"/>
      <c r="G13" s="924" t="s">
        <v>116</v>
      </c>
    </row>
    <row r="14" spans="1:7" ht="13.5" customHeight="1" x14ac:dyDescent="0.2">
      <c r="A14" s="826"/>
      <c r="B14" s="235" t="s">
        <v>219</v>
      </c>
      <c r="C14" s="235">
        <v>2014</v>
      </c>
      <c r="D14" s="824"/>
      <c r="E14" s="824"/>
      <c r="F14" s="824"/>
      <c r="G14" s="925"/>
    </row>
    <row r="15" spans="1:7" s="76" customFormat="1" ht="15" customHeight="1" x14ac:dyDescent="0.2">
      <c r="A15" s="245" t="s">
        <v>101</v>
      </c>
      <c r="B15" s="437">
        <v>1188473.26</v>
      </c>
      <c r="C15" s="437">
        <v>111982821.17999999</v>
      </c>
      <c r="D15" s="437">
        <v>3687006.2199999997</v>
      </c>
      <c r="E15" s="437">
        <v>38696959.160000004</v>
      </c>
      <c r="F15" s="437">
        <v>32804842.739999995</v>
      </c>
      <c r="G15" s="443">
        <v>41669492.539999992</v>
      </c>
    </row>
    <row r="16" spans="1:7" ht="10.5" x14ac:dyDescent="0.2">
      <c r="A16" s="30"/>
      <c r="B16" s="438"/>
      <c r="C16" s="438"/>
      <c r="D16" s="438"/>
      <c r="E16" s="438"/>
      <c r="F16" s="432"/>
      <c r="G16" s="432"/>
    </row>
    <row r="17" spans="1:7" s="76" customFormat="1" ht="10.5" x14ac:dyDescent="0.15">
      <c r="A17" s="245" t="s">
        <v>780</v>
      </c>
      <c r="B17" s="437">
        <v>1188473.26</v>
      </c>
      <c r="C17" s="437">
        <v>97720106.319999993</v>
      </c>
      <c r="D17" s="498">
        <v>3611984.12</v>
      </c>
      <c r="E17" s="652">
        <v>29202927.660000004</v>
      </c>
      <c r="F17" s="437">
        <v>32437371.759999994</v>
      </c>
      <c r="G17" s="439">
        <v>37268280.159999996</v>
      </c>
    </row>
    <row r="18" spans="1:7" ht="10.5" x14ac:dyDescent="0.2">
      <c r="A18" s="30"/>
      <c r="B18" s="438"/>
      <c r="C18" s="438"/>
      <c r="D18" s="438"/>
      <c r="E18" s="438"/>
      <c r="F18" s="432"/>
      <c r="G18" s="432"/>
    </row>
    <row r="19" spans="1:7" s="76" customFormat="1" ht="10.5" x14ac:dyDescent="0.2">
      <c r="A19" s="258" t="s">
        <v>781</v>
      </c>
      <c r="B19" s="437">
        <v>0</v>
      </c>
      <c r="C19" s="437">
        <v>0</v>
      </c>
      <c r="D19" s="437">
        <v>0</v>
      </c>
      <c r="E19" s="437">
        <v>0</v>
      </c>
      <c r="F19" s="437">
        <v>0</v>
      </c>
      <c r="G19" s="577">
        <v>0</v>
      </c>
    </row>
    <row r="20" spans="1:7" ht="10.5" x14ac:dyDescent="0.2">
      <c r="A20" s="144" t="s">
        <v>782</v>
      </c>
      <c r="B20" s="437"/>
      <c r="C20" s="442"/>
      <c r="D20" s="442"/>
      <c r="E20" s="442"/>
      <c r="F20" s="442"/>
      <c r="G20" s="577">
        <v>0</v>
      </c>
    </row>
    <row r="21" spans="1:7" ht="10.5" x14ac:dyDescent="0.2">
      <c r="A21" s="144" t="s">
        <v>783</v>
      </c>
      <c r="B21" s="437"/>
      <c r="C21" s="438"/>
      <c r="D21" s="438"/>
      <c r="E21" s="438"/>
      <c r="F21" s="432"/>
      <c r="G21" s="577">
        <v>0</v>
      </c>
    </row>
    <row r="22" spans="1:7" ht="10.5" x14ac:dyDescent="0.2">
      <c r="A22" s="144" t="s">
        <v>784</v>
      </c>
      <c r="B22" s="437"/>
      <c r="C22" s="438"/>
      <c r="D22" s="438"/>
      <c r="E22" s="438"/>
      <c r="F22" s="432"/>
      <c r="G22" s="577">
        <v>0</v>
      </c>
    </row>
    <row r="23" spans="1:7" ht="10.5" x14ac:dyDescent="0.2">
      <c r="A23" s="30"/>
      <c r="B23" s="437"/>
      <c r="C23" s="438"/>
      <c r="D23" s="438"/>
      <c r="E23" s="438"/>
      <c r="F23" s="432"/>
      <c r="G23" s="432"/>
    </row>
    <row r="24" spans="1:7" s="76" customFormat="1" ht="10.5" x14ac:dyDescent="0.2">
      <c r="A24" s="258" t="s">
        <v>785</v>
      </c>
      <c r="B24" s="437">
        <v>0</v>
      </c>
      <c r="C24" s="437">
        <v>8303103.4199999999</v>
      </c>
      <c r="D24" s="437">
        <v>58453.53</v>
      </c>
      <c r="E24" s="437">
        <v>6331275.5499999998</v>
      </c>
      <c r="F24" s="437">
        <v>0</v>
      </c>
      <c r="G24" s="439">
        <v>1971827.87</v>
      </c>
    </row>
    <row r="25" spans="1:7" ht="10.5" x14ac:dyDescent="0.2">
      <c r="A25" s="144" t="s">
        <v>786</v>
      </c>
      <c r="B25" s="437"/>
      <c r="C25" s="438"/>
      <c r="D25" s="438"/>
      <c r="E25" s="438"/>
      <c r="F25" s="432"/>
      <c r="G25" s="432">
        <v>0</v>
      </c>
    </row>
    <row r="26" spans="1:7" s="244" customFormat="1" ht="10.5" x14ac:dyDescent="0.2">
      <c r="A26" s="144" t="s">
        <v>787</v>
      </c>
      <c r="B26" s="437">
        <v>0</v>
      </c>
      <c r="C26" s="438">
        <v>8303103.4199999999</v>
      </c>
      <c r="D26" s="642">
        <v>58453.53</v>
      </c>
      <c r="E26" s="438">
        <v>6331275.5499999998</v>
      </c>
      <c r="F26" s="432"/>
      <c r="G26" s="432">
        <v>1971827.87</v>
      </c>
    </row>
    <row r="27" spans="1:7" s="244" customFormat="1" ht="10.5" x14ac:dyDescent="0.2">
      <c r="A27" s="30"/>
      <c r="B27" s="437"/>
      <c r="C27" s="438"/>
      <c r="D27" s="438"/>
      <c r="E27" s="438"/>
      <c r="F27" s="432"/>
      <c r="G27" s="432"/>
    </row>
    <row r="28" spans="1:7" s="76" customFormat="1" ht="10.5" x14ac:dyDescent="0.2">
      <c r="A28" s="258" t="s">
        <v>230</v>
      </c>
      <c r="B28" s="437">
        <v>0</v>
      </c>
      <c r="C28" s="437">
        <v>5959611.4399999995</v>
      </c>
      <c r="D28" s="437">
        <v>16568.57</v>
      </c>
      <c r="E28" s="437">
        <v>3162755.95</v>
      </c>
      <c r="F28" s="437">
        <v>367470.98000000004</v>
      </c>
      <c r="G28" s="439">
        <v>2429384.5099999998</v>
      </c>
    </row>
    <row r="29" spans="1:7" s="244" customFormat="1" ht="10.5" x14ac:dyDescent="0.2">
      <c r="A29" s="144" t="s">
        <v>788</v>
      </c>
      <c r="B29" s="437"/>
      <c r="C29" s="438">
        <v>4964530.92</v>
      </c>
      <c r="D29" s="438">
        <v>16243.57</v>
      </c>
      <c r="E29" s="438">
        <v>3064720.98</v>
      </c>
      <c r="F29" s="432">
        <v>367428.33</v>
      </c>
      <c r="G29" s="432">
        <v>1532381.6099999999</v>
      </c>
    </row>
    <row r="30" spans="1:7" s="244" customFormat="1" ht="10.5" x14ac:dyDescent="0.2">
      <c r="A30" s="144" t="s">
        <v>789</v>
      </c>
      <c r="B30" s="437"/>
      <c r="C30" s="438">
        <v>995080.52</v>
      </c>
      <c r="D30" s="438">
        <v>325</v>
      </c>
      <c r="E30" s="438">
        <v>98034.97</v>
      </c>
      <c r="F30" s="432">
        <v>42.65</v>
      </c>
      <c r="G30" s="432">
        <v>897002.9</v>
      </c>
    </row>
    <row r="31" spans="1:7" s="244" customFormat="1" ht="10.5" x14ac:dyDescent="0.2">
      <c r="A31" s="30"/>
      <c r="B31" s="437"/>
      <c r="C31" s="438"/>
      <c r="D31" s="438"/>
      <c r="E31" s="438"/>
      <c r="F31" s="432"/>
      <c r="G31" s="577">
        <v>0</v>
      </c>
    </row>
    <row r="32" spans="1:7" s="76" customFormat="1" ht="10.5" x14ac:dyDescent="0.2">
      <c r="A32" s="258" t="s">
        <v>102</v>
      </c>
      <c r="B32" s="437">
        <v>0</v>
      </c>
      <c r="C32" s="437">
        <v>335264.88</v>
      </c>
      <c r="D32" s="437">
        <v>0</v>
      </c>
      <c r="E32" s="437">
        <v>0</v>
      </c>
      <c r="F32" s="437">
        <v>0</v>
      </c>
      <c r="G32" s="543">
        <v>335264.88</v>
      </c>
    </row>
    <row r="33" spans="1:7" s="244" customFormat="1" ht="10.5" x14ac:dyDescent="0.2">
      <c r="A33" s="258"/>
      <c r="B33" s="437"/>
      <c r="C33" s="438"/>
      <c r="D33" s="438"/>
      <c r="E33" s="438"/>
      <c r="F33" s="432"/>
      <c r="G33" s="577">
        <v>0</v>
      </c>
    </row>
    <row r="34" spans="1:7" s="76" customFormat="1" ht="10.5" x14ac:dyDescent="0.2">
      <c r="A34" s="258" t="s">
        <v>780</v>
      </c>
      <c r="B34" s="437">
        <v>0</v>
      </c>
      <c r="C34" s="437">
        <v>335264.88</v>
      </c>
      <c r="D34" s="437"/>
      <c r="E34" s="437"/>
      <c r="F34" s="439"/>
      <c r="G34" s="543">
        <v>335264.88</v>
      </c>
    </row>
    <row r="35" spans="1:7" s="244" customFormat="1" ht="10.5" x14ac:dyDescent="0.2">
      <c r="A35" s="258"/>
      <c r="B35" s="437"/>
      <c r="C35" s="438"/>
      <c r="D35" s="438"/>
      <c r="E35" s="438"/>
      <c r="F35" s="432"/>
      <c r="G35" s="432"/>
    </row>
    <row r="36" spans="1:7" s="76" customFormat="1" ht="10.5" x14ac:dyDescent="0.2">
      <c r="A36" s="258" t="s">
        <v>781</v>
      </c>
      <c r="B36" s="437">
        <v>0</v>
      </c>
      <c r="C36" s="437">
        <v>0</v>
      </c>
      <c r="D36" s="437">
        <v>0</v>
      </c>
      <c r="E36" s="437">
        <v>0</v>
      </c>
      <c r="F36" s="437">
        <v>0</v>
      </c>
      <c r="G36" s="577">
        <v>0</v>
      </c>
    </row>
    <row r="37" spans="1:7" s="244" customFormat="1" ht="10.5" x14ac:dyDescent="0.2">
      <c r="A37" s="144" t="s">
        <v>782</v>
      </c>
      <c r="B37" s="437"/>
      <c r="C37" s="438"/>
      <c r="D37" s="438"/>
      <c r="E37" s="438"/>
      <c r="F37" s="432"/>
      <c r="G37" s="577">
        <v>0</v>
      </c>
    </row>
    <row r="38" spans="1:7" s="244" customFormat="1" ht="10.5" x14ac:dyDescent="0.2">
      <c r="A38" s="144" t="s">
        <v>783</v>
      </c>
      <c r="B38" s="437"/>
      <c r="C38" s="438"/>
      <c r="D38" s="438"/>
      <c r="E38" s="438"/>
      <c r="F38" s="432"/>
      <c r="G38" s="577">
        <v>0</v>
      </c>
    </row>
    <row r="39" spans="1:7" s="244" customFormat="1" ht="10.5" x14ac:dyDescent="0.2">
      <c r="A39" s="144" t="s">
        <v>784</v>
      </c>
      <c r="B39" s="437"/>
      <c r="C39" s="438"/>
      <c r="D39" s="438"/>
      <c r="E39" s="438"/>
      <c r="F39" s="432"/>
      <c r="G39" s="577">
        <v>0</v>
      </c>
    </row>
    <row r="40" spans="1:7" s="244" customFormat="1" ht="10.5" x14ac:dyDescent="0.2">
      <c r="A40" s="144"/>
      <c r="B40" s="437"/>
      <c r="C40" s="438"/>
      <c r="D40" s="438"/>
      <c r="E40" s="438"/>
      <c r="F40" s="432"/>
      <c r="G40" s="577"/>
    </row>
    <row r="41" spans="1:7" s="76" customFormat="1" ht="10.5" x14ac:dyDescent="0.2">
      <c r="A41" s="258" t="s">
        <v>785</v>
      </c>
      <c r="B41" s="437">
        <v>0</v>
      </c>
      <c r="C41" s="437">
        <v>0</v>
      </c>
      <c r="D41" s="437">
        <v>0</v>
      </c>
      <c r="E41" s="437">
        <v>0</v>
      </c>
      <c r="F41" s="437">
        <v>0</v>
      </c>
      <c r="G41" s="577">
        <v>0</v>
      </c>
    </row>
    <row r="42" spans="1:7" s="244" customFormat="1" ht="10.5" x14ac:dyDescent="0.2">
      <c r="A42" s="144" t="s">
        <v>786</v>
      </c>
      <c r="B42" s="437"/>
      <c r="C42" s="438"/>
      <c r="D42" s="438"/>
      <c r="E42" s="438"/>
      <c r="F42" s="432"/>
      <c r="G42" s="577">
        <v>0</v>
      </c>
    </row>
    <row r="43" spans="1:7" s="244" customFormat="1" ht="10.5" x14ac:dyDescent="0.2">
      <c r="A43" s="144" t="s">
        <v>787</v>
      </c>
      <c r="B43" s="437"/>
      <c r="C43" s="438"/>
      <c r="D43" s="438"/>
      <c r="E43" s="438"/>
      <c r="F43" s="432"/>
      <c r="G43" s="577">
        <v>0</v>
      </c>
    </row>
    <row r="44" spans="1:7" s="244" customFormat="1" ht="10.5" x14ac:dyDescent="0.2">
      <c r="A44" s="144"/>
      <c r="B44" s="437"/>
      <c r="C44" s="438"/>
      <c r="D44" s="438"/>
      <c r="E44" s="438"/>
      <c r="F44" s="432"/>
      <c r="G44" s="577"/>
    </row>
    <row r="45" spans="1:7" s="76" customFormat="1" ht="10.5" x14ac:dyDescent="0.2">
      <c r="A45" s="258" t="s">
        <v>230</v>
      </c>
      <c r="B45" s="437">
        <v>0</v>
      </c>
      <c r="C45" s="437">
        <v>0</v>
      </c>
      <c r="D45" s="437">
        <v>0</v>
      </c>
      <c r="E45" s="437">
        <v>0</v>
      </c>
      <c r="F45" s="437">
        <v>0</v>
      </c>
      <c r="G45" s="577">
        <v>0</v>
      </c>
    </row>
    <row r="46" spans="1:7" s="244" customFormat="1" ht="10.5" x14ac:dyDescent="0.2">
      <c r="A46" s="144" t="s">
        <v>788</v>
      </c>
      <c r="B46" s="438"/>
      <c r="C46" s="438"/>
      <c r="D46" s="438"/>
      <c r="E46" s="438"/>
      <c r="F46" s="432"/>
      <c r="G46" s="577">
        <v>0</v>
      </c>
    </row>
    <row r="47" spans="1:7" ht="15" customHeight="1" x14ac:dyDescent="0.2">
      <c r="A47" s="144" t="s">
        <v>789</v>
      </c>
      <c r="B47" s="438"/>
      <c r="C47" s="438"/>
      <c r="D47" s="438"/>
      <c r="E47" s="438"/>
      <c r="F47" s="432"/>
      <c r="G47" s="577">
        <v>0</v>
      </c>
    </row>
    <row r="48" spans="1:7" ht="15" customHeight="1" x14ac:dyDescent="0.2">
      <c r="A48" s="31" t="s">
        <v>222</v>
      </c>
      <c r="B48" s="499">
        <v>1188473.26</v>
      </c>
      <c r="C48" s="499">
        <v>112318086.05999999</v>
      </c>
      <c r="D48" s="378">
        <v>3687006.2199999997</v>
      </c>
      <c r="E48" s="378">
        <v>38696959.160000004</v>
      </c>
      <c r="F48" s="378">
        <v>32804842.739999995</v>
      </c>
      <c r="G48" s="444">
        <v>42004757.419999994</v>
      </c>
    </row>
    <row r="49" spans="1:7" ht="10.5" x14ac:dyDescent="0.2">
      <c r="A49" s="75"/>
      <c r="B49" s="354"/>
      <c r="C49" s="1"/>
      <c r="D49" s="228"/>
      <c r="E49" s="228"/>
      <c r="F49" s="1"/>
      <c r="G49" s="128"/>
    </row>
    <row r="50" spans="1:7" ht="30" customHeight="1" x14ac:dyDescent="0.2">
      <c r="A50" s="822" t="s">
        <v>213</v>
      </c>
      <c r="B50" s="859" t="s">
        <v>537</v>
      </c>
      <c r="C50" s="857"/>
      <c r="D50" s="857"/>
      <c r="E50" s="857"/>
      <c r="F50" s="858"/>
      <c r="G50" s="871" t="s">
        <v>456</v>
      </c>
    </row>
    <row r="51" spans="1:7" ht="15" customHeight="1" x14ac:dyDescent="0.2">
      <c r="A51" s="825"/>
      <c r="B51" s="766" t="s">
        <v>212</v>
      </c>
      <c r="C51" s="922"/>
      <c r="D51" s="823" t="s">
        <v>218</v>
      </c>
      <c r="E51" s="823" t="s">
        <v>217</v>
      </c>
      <c r="F51" s="923" t="s">
        <v>430</v>
      </c>
      <c r="G51" s="845"/>
    </row>
    <row r="52" spans="1:7" ht="11.25" customHeight="1" x14ac:dyDescent="0.2">
      <c r="A52" s="825"/>
      <c r="B52" s="233" t="s">
        <v>313</v>
      </c>
      <c r="C52" s="234" t="s">
        <v>214</v>
      </c>
      <c r="D52" s="842"/>
      <c r="E52" s="842"/>
      <c r="F52" s="924"/>
      <c r="G52" s="845"/>
    </row>
    <row r="53" spans="1:7" ht="11.25" customHeight="1" x14ac:dyDescent="0.2">
      <c r="A53" s="825"/>
      <c r="B53" s="237" t="s">
        <v>215</v>
      </c>
      <c r="C53" s="237" t="s">
        <v>216</v>
      </c>
      <c r="D53" s="842"/>
      <c r="E53" s="842"/>
      <c r="F53" s="924" t="s">
        <v>117</v>
      </c>
      <c r="G53" s="845"/>
    </row>
    <row r="54" spans="1:7" ht="11.25" customHeight="1" x14ac:dyDescent="0.2">
      <c r="A54" s="826"/>
      <c r="B54" s="235" t="s">
        <v>219</v>
      </c>
      <c r="C54" s="235">
        <v>2014</v>
      </c>
      <c r="D54" s="824"/>
      <c r="E54" s="824"/>
      <c r="F54" s="925"/>
      <c r="G54" s="847"/>
    </row>
    <row r="55" spans="1:7" s="76" customFormat="1" ht="14.25" customHeight="1" x14ac:dyDescent="0.2">
      <c r="A55" s="245" t="s">
        <v>101</v>
      </c>
      <c r="B55" s="393">
        <v>31084643.720000003</v>
      </c>
      <c r="C55" s="498">
        <v>99141210.299999997</v>
      </c>
      <c r="D55" s="498">
        <v>63205627.619999997</v>
      </c>
      <c r="E55" s="393">
        <v>0</v>
      </c>
      <c r="F55" s="393">
        <v>67020226.399999991</v>
      </c>
      <c r="G55" s="394">
        <v>108689718.93999998</v>
      </c>
    </row>
    <row r="56" spans="1:7" s="244" customFormat="1" ht="11.25" customHeight="1" x14ac:dyDescent="0.2">
      <c r="A56" s="30"/>
      <c r="B56" s="392"/>
      <c r="C56" s="477"/>
      <c r="D56" s="477"/>
      <c r="E56" s="59"/>
      <c r="F56" s="59"/>
      <c r="G56" s="24"/>
    </row>
    <row r="57" spans="1:7" s="76" customFormat="1" ht="11.25" customHeight="1" x14ac:dyDescent="0.2">
      <c r="A57" s="245" t="s">
        <v>780</v>
      </c>
      <c r="B57" s="393">
        <v>31084643.720000003</v>
      </c>
      <c r="C57" s="476">
        <v>76589981.140000001</v>
      </c>
      <c r="D57" s="476">
        <v>57117158.740000002</v>
      </c>
      <c r="E57" s="180"/>
      <c r="F57" s="358">
        <v>50557466.119999997</v>
      </c>
      <c r="G57" s="395">
        <v>87825746.280000001</v>
      </c>
    </row>
    <row r="58" spans="1:7" s="244" customFormat="1" ht="11.25" customHeight="1" x14ac:dyDescent="0.2">
      <c r="A58" s="30"/>
      <c r="B58" s="393"/>
      <c r="C58" s="477"/>
      <c r="D58" s="477"/>
      <c r="E58" s="59"/>
      <c r="F58" s="59"/>
      <c r="G58" s="24"/>
    </row>
    <row r="59" spans="1:7" s="76" customFormat="1" ht="11.25" customHeight="1" x14ac:dyDescent="0.2">
      <c r="A59" s="258" t="s">
        <v>781</v>
      </c>
      <c r="B59" s="393">
        <v>0</v>
      </c>
      <c r="C59" s="498">
        <v>4496578.2600000007</v>
      </c>
      <c r="D59" s="498">
        <v>4496578.2600000007</v>
      </c>
      <c r="E59" s="393">
        <v>0</v>
      </c>
      <c r="F59" s="393">
        <v>0</v>
      </c>
      <c r="G59" s="394">
        <v>0</v>
      </c>
    </row>
    <row r="60" spans="1:7" s="244" customFormat="1" ht="11.25" customHeight="1" x14ac:dyDescent="0.2">
      <c r="A60" s="144" t="s">
        <v>782</v>
      </c>
      <c r="B60" s="393"/>
      <c r="C60" s="477"/>
      <c r="D60" s="477"/>
      <c r="E60" s="59"/>
      <c r="F60" s="345">
        <v>0</v>
      </c>
      <c r="G60" s="394">
        <v>0</v>
      </c>
    </row>
    <row r="61" spans="1:7" s="244" customFormat="1" ht="11.25" customHeight="1" x14ac:dyDescent="0.2">
      <c r="A61" s="144" t="s">
        <v>783</v>
      </c>
      <c r="B61" s="393"/>
      <c r="C61" s="477">
        <v>4492853.9800000004</v>
      </c>
      <c r="D61" s="477">
        <v>4492853.9800000004</v>
      </c>
      <c r="E61" s="59"/>
      <c r="F61" s="345">
        <v>0</v>
      </c>
      <c r="G61" s="394">
        <v>0</v>
      </c>
    </row>
    <row r="62" spans="1:7" s="244" customFormat="1" ht="11.25" customHeight="1" x14ac:dyDescent="0.2">
      <c r="A62" s="144" t="s">
        <v>784</v>
      </c>
      <c r="B62" s="393"/>
      <c r="C62" s="477">
        <v>3724.28</v>
      </c>
      <c r="D62" s="477">
        <v>3724.28</v>
      </c>
      <c r="E62" s="59"/>
      <c r="F62" s="345">
        <v>0</v>
      </c>
      <c r="G62" s="394">
        <v>0</v>
      </c>
    </row>
    <row r="63" spans="1:7" s="244" customFormat="1" ht="11.25" customHeight="1" x14ac:dyDescent="0.2">
      <c r="A63" s="30"/>
      <c r="B63" s="393"/>
      <c r="C63" s="477"/>
      <c r="D63" s="477"/>
      <c r="E63" s="59"/>
      <c r="F63" s="59"/>
      <c r="G63" s="24"/>
    </row>
    <row r="64" spans="1:7" s="76" customFormat="1" ht="11.25" customHeight="1" x14ac:dyDescent="0.2">
      <c r="A64" s="258" t="s">
        <v>785</v>
      </c>
      <c r="B64" s="393">
        <v>0</v>
      </c>
      <c r="C64" s="498">
        <v>17939858.209999997</v>
      </c>
      <c r="D64" s="498">
        <v>1477097.93</v>
      </c>
      <c r="E64" s="393">
        <v>0</v>
      </c>
      <c r="F64" s="393">
        <v>16462760.279999997</v>
      </c>
      <c r="G64" s="395">
        <v>18434588.149999999</v>
      </c>
    </row>
    <row r="65" spans="1:7" s="244" customFormat="1" ht="11.25" customHeight="1" x14ac:dyDescent="0.2">
      <c r="A65" s="144" t="s">
        <v>786</v>
      </c>
      <c r="B65" s="393"/>
      <c r="C65" s="477">
        <v>17501177.579999998</v>
      </c>
      <c r="D65" s="477">
        <v>1042951</v>
      </c>
      <c r="E65" s="59"/>
      <c r="F65" s="345">
        <v>16458226.579999998</v>
      </c>
      <c r="G65" s="395">
        <v>16458226.579999998</v>
      </c>
    </row>
    <row r="66" spans="1:7" s="244" customFormat="1" ht="11.25" customHeight="1" x14ac:dyDescent="0.2">
      <c r="A66" s="144" t="s">
        <v>787</v>
      </c>
      <c r="B66" s="393"/>
      <c r="C66" s="477">
        <v>438680.63</v>
      </c>
      <c r="D66" s="477">
        <v>434146.93</v>
      </c>
      <c r="E66" s="59"/>
      <c r="F66" s="345">
        <v>4533.7000000000116</v>
      </c>
      <c r="G66" s="395">
        <v>1976361.57</v>
      </c>
    </row>
    <row r="67" spans="1:7" s="244" customFormat="1" ht="11.25" customHeight="1" x14ac:dyDescent="0.2">
      <c r="A67" s="30"/>
      <c r="B67" s="393"/>
      <c r="C67" s="477"/>
      <c r="D67" s="477"/>
      <c r="E67" s="59"/>
      <c r="F67" s="59"/>
      <c r="G67" s="24"/>
    </row>
    <row r="68" spans="1:7" s="76" customFormat="1" ht="11.25" customHeight="1" x14ac:dyDescent="0.2">
      <c r="A68" s="258" t="s">
        <v>230</v>
      </c>
      <c r="B68" s="393">
        <v>0</v>
      </c>
      <c r="C68" s="498">
        <v>114792.69</v>
      </c>
      <c r="D68" s="498">
        <v>114792.69</v>
      </c>
      <c r="E68" s="393">
        <v>0</v>
      </c>
      <c r="F68" s="393">
        <v>0</v>
      </c>
      <c r="G68" s="395">
        <v>2429384.5099999998</v>
      </c>
    </row>
    <row r="69" spans="1:7" s="244" customFormat="1" ht="11.25" customHeight="1" x14ac:dyDescent="0.2">
      <c r="A69" s="144" t="s">
        <v>788</v>
      </c>
      <c r="B69" s="393"/>
      <c r="C69" s="477">
        <v>114792.69</v>
      </c>
      <c r="D69" s="477">
        <v>114792.69</v>
      </c>
      <c r="E69" s="59"/>
      <c r="F69" s="345">
        <v>0</v>
      </c>
      <c r="G69" s="395">
        <v>1532381.6099999999</v>
      </c>
    </row>
    <row r="70" spans="1:7" s="244" customFormat="1" ht="11.25" customHeight="1" x14ac:dyDescent="0.2">
      <c r="A70" s="144" t="s">
        <v>789</v>
      </c>
      <c r="B70" s="393"/>
      <c r="C70" s="477"/>
      <c r="D70" s="477"/>
      <c r="E70" s="59"/>
      <c r="F70" s="345">
        <v>0</v>
      </c>
      <c r="G70" s="395">
        <v>897002.9</v>
      </c>
    </row>
    <row r="71" spans="1:7" s="244" customFormat="1" ht="11.25" customHeight="1" x14ac:dyDescent="0.2">
      <c r="A71" s="30"/>
      <c r="B71" s="393"/>
      <c r="C71" s="477"/>
      <c r="D71" s="477"/>
      <c r="E71" s="59"/>
      <c r="F71" s="59"/>
      <c r="G71" s="24"/>
    </row>
    <row r="72" spans="1:7" s="76" customFormat="1" ht="11.25" customHeight="1" x14ac:dyDescent="0.2">
      <c r="A72" s="258" t="s">
        <v>102</v>
      </c>
      <c r="B72" s="393">
        <v>11832.26</v>
      </c>
      <c r="C72" s="498">
        <v>15166127.09</v>
      </c>
      <c r="D72" s="498">
        <v>6994822.7799999993</v>
      </c>
      <c r="E72" s="393">
        <v>0</v>
      </c>
      <c r="F72" s="393">
        <v>8183136.5700000003</v>
      </c>
      <c r="G72" s="395">
        <v>8518401.4500000011</v>
      </c>
    </row>
    <row r="73" spans="1:7" s="244" customFormat="1" ht="11.25" customHeight="1" x14ac:dyDescent="0.2">
      <c r="A73" s="258"/>
      <c r="B73" s="393"/>
      <c r="C73" s="477"/>
      <c r="D73" s="477"/>
      <c r="E73" s="59"/>
      <c r="F73" s="59"/>
      <c r="G73" s="24"/>
    </row>
    <row r="74" spans="1:7" s="76" customFormat="1" ht="11.25" customHeight="1" x14ac:dyDescent="0.2">
      <c r="A74" s="258" t="s">
        <v>780</v>
      </c>
      <c r="B74" s="393">
        <v>5694.13</v>
      </c>
      <c r="C74" s="476">
        <v>7600020.7199999997</v>
      </c>
      <c r="D74" s="476">
        <v>1325236.1000000001</v>
      </c>
      <c r="E74" s="180"/>
      <c r="F74" s="476">
        <v>6280478.75</v>
      </c>
      <c r="G74" s="165"/>
    </row>
    <row r="75" spans="1:7" s="244" customFormat="1" ht="11.25" customHeight="1" x14ac:dyDescent="0.2">
      <c r="A75" s="258"/>
      <c r="B75" s="393"/>
      <c r="C75" s="477"/>
      <c r="D75" s="477"/>
      <c r="E75" s="59"/>
      <c r="F75" s="59"/>
      <c r="G75" s="24"/>
    </row>
    <row r="76" spans="1:7" s="76" customFormat="1" ht="11.25" customHeight="1" x14ac:dyDescent="0.2">
      <c r="A76" s="258" t="s">
        <v>781</v>
      </c>
      <c r="B76" s="393">
        <v>0</v>
      </c>
      <c r="C76" s="498">
        <v>1310668.42</v>
      </c>
      <c r="D76" s="498">
        <v>1310668.42</v>
      </c>
      <c r="E76" s="393">
        <v>0</v>
      </c>
      <c r="F76" s="393">
        <v>0</v>
      </c>
      <c r="G76" s="395">
        <v>0</v>
      </c>
    </row>
    <row r="77" spans="1:7" s="244" customFormat="1" ht="11.25" customHeight="1" x14ac:dyDescent="0.2">
      <c r="A77" s="144" t="s">
        <v>782</v>
      </c>
      <c r="B77" s="393"/>
      <c r="C77" s="477"/>
      <c r="D77" s="477"/>
      <c r="E77" s="59"/>
      <c r="F77" s="345">
        <v>0</v>
      </c>
      <c r="G77" s="395">
        <v>0</v>
      </c>
    </row>
    <row r="78" spans="1:7" s="244" customFormat="1" ht="11.25" customHeight="1" x14ac:dyDescent="0.2">
      <c r="A78" s="144" t="s">
        <v>783</v>
      </c>
      <c r="B78" s="393"/>
      <c r="C78" s="477">
        <v>1310668.42</v>
      </c>
      <c r="D78" s="477">
        <v>1310668.42</v>
      </c>
      <c r="E78" s="59"/>
      <c r="F78" s="345">
        <v>0</v>
      </c>
      <c r="G78" s="395">
        <v>0</v>
      </c>
    </row>
    <row r="79" spans="1:7" s="244" customFormat="1" ht="11.25" customHeight="1" x14ac:dyDescent="0.2">
      <c r="A79" s="144" t="s">
        <v>784</v>
      </c>
      <c r="B79" s="393"/>
      <c r="C79" s="477"/>
      <c r="D79" s="477"/>
      <c r="E79" s="59"/>
      <c r="F79" s="345">
        <v>0</v>
      </c>
      <c r="G79" s="395">
        <v>0</v>
      </c>
    </row>
    <row r="80" spans="1:7" s="244" customFormat="1" ht="11.25" customHeight="1" x14ac:dyDescent="0.2">
      <c r="A80" s="144"/>
      <c r="B80" s="393"/>
      <c r="C80" s="477"/>
      <c r="D80" s="477"/>
      <c r="E80" s="59"/>
      <c r="F80" s="59"/>
      <c r="G80" s="24"/>
    </row>
    <row r="81" spans="1:7" s="76" customFormat="1" ht="11.25" customHeight="1" x14ac:dyDescent="0.2">
      <c r="A81" s="258" t="s">
        <v>785</v>
      </c>
      <c r="B81" s="393">
        <v>0</v>
      </c>
      <c r="C81" s="498">
        <v>6255437.9500000002</v>
      </c>
      <c r="D81" s="498">
        <v>4358918.26</v>
      </c>
      <c r="E81" s="393">
        <v>0</v>
      </c>
      <c r="F81" s="393">
        <v>1896519.6900000004</v>
      </c>
      <c r="G81" s="395">
        <v>1896519.6900000004</v>
      </c>
    </row>
    <row r="82" spans="1:7" s="244" customFormat="1" ht="11.25" customHeight="1" x14ac:dyDescent="0.2">
      <c r="A82" s="144" t="s">
        <v>786</v>
      </c>
      <c r="B82" s="393"/>
      <c r="C82" s="477">
        <v>6255437.9500000002</v>
      </c>
      <c r="D82" s="477">
        <v>4358918.26</v>
      </c>
      <c r="E82" s="59"/>
      <c r="F82" s="345">
        <v>1896519.6900000004</v>
      </c>
      <c r="G82" s="395">
        <v>1896519.6900000004</v>
      </c>
    </row>
    <row r="83" spans="1:7" s="244" customFormat="1" ht="11.25" customHeight="1" x14ac:dyDescent="0.2">
      <c r="A83" s="144" t="s">
        <v>787</v>
      </c>
      <c r="B83" s="393"/>
      <c r="C83" s="477"/>
      <c r="D83" s="477"/>
      <c r="E83" s="59"/>
      <c r="F83" s="345">
        <v>0</v>
      </c>
      <c r="G83" s="395">
        <v>0</v>
      </c>
    </row>
    <row r="84" spans="1:7" s="244" customFormat="1" ht="11.25" customHeight="1" x14ac:dyDescent="0.2">
      <c r="A84" s="144"/>
      <c r="B84" s="393"/>
      <c r="C84" s="477"/>
      <c r="D84" s="477"/>
      <c r="E84" s="59"/>
      <c r="F84" s="59"/>
      <c r="G84" s="24"/>
    </row>
    <row r="85" spans="1:7" s="76" customFormat="1" ht="11.25" customHeight="1" x14ac:dyDescent="0.2">
      <c r="A85" s="258" t="s">
        <v>230</v>
      </c>
      <c r="B85" s="393">
        <v>6138.13</v>
      </c>
      <c r="C85" s="498">
        <v>0</v>
      </c>
      <c r="D85" s="498">
        <v>0</v>
      </c>
      <c r="E85" s="393">
        <v>0</v>
      </c>
      <c r="F85" s="393">
        <v>6138.13</v>
      </c>
      <c r="G85" s="395">
        <v>6138.13</v>
      </c>
    </row>
    <row r="86" spans="1:7" s="244" customFormat="1" ht="11.25" customHeight="1" x14ac:dyDescent="0.2">
      <c r="A86" s="144" t="s">
        <v>788</v>
      </c>
      <c r="B86" s="393">
        <v>6138.13</v>
      </c>
      <c r="C86" s="477"/>
      <c r="D86" s="477"/>
      <c r="E86" s="59"/>
      <c r="F86" s="345">
        <v>6138.13</v>
      </c>
      <c r="G86" s="395">
        <v>6138.13</v>
      </c>
    </row>
    <row r="87" spans="1:7" s="244" customFormat="1" ht="14.25" customHeight="1" x14ac:dyDescent="0.2">
      <c r="A87" s="144" t="s">
        <v>789</v>
      </c>
      <c r="B87" s="393"/>
      <c r="C87" s="477"/>
      <c r="D87" s="477"/>
      <c r="E87" s="59"/>
      <c r="F87" s="345">
        <v>0</v>
      </c>
      <c r="G87" s="395">
        <v>0</v>
      </c>
    </row>
    <row r="88" spans="1:7" s="76" customFormat="1" ht="15" customHeight="1" x14ac:dyDescent="0.2">
      <c r="A88" s="31" t="s">
        <v>222</v>
      </c>
      <c r="B88" s="499">
        <v>31096475.980000004</v>
      </c>
      <c r="C88" s="499">
        <v>114307337.39</v>
      </c>
      <c r="D88" s="499">
        <v>70200450.399999991</v>
      </c>
      <c r="E88" s="376">
        <v>0</v>
      </c>
      <c r="F88" s="376">
        <v>75203362.969999999</v>
      </c>
      <c r="G88" s="376">
        <v>117208120.38999999</v>
      </c>
    </row>
    <row r="89" spans="1:7" ht="11.25" customHeight="1" x14ac:dyDescent="0.2">
      <c r="A89" s="53" t="s">
        <v>877</v>
      </c>
      <c r="G89" s="337"/>
    </row>
    <row r="92" spans="1:7" s="305" customFormat="1" ht="11.25" customHeight="1" x14ac:dyDescent="0.2">
      <c r="A92" s="53"/>
      <c r="B92" s="53"/>
      <c r="C92" s="53"/>
      <c r="D92" s="53"/>
      <c r="E92" s="53"/>
      <c r="F92" s="53"/>
      <c r="G92" s="53"/>
    </row>
    <row r="93" spans="1:7" s="305" customFormat="1" ht="11.25" customHeight="1" x14ac:dyDescent="0.2">
      <c r="A93" s="53"/>
      <c r="B93" s="53"/>
      <c r="C93" s="53"/>
      <c r="D93" s="53"/>
      <c r="E93" s="53"/>
      <c r="F93" s="53"/>
      <c r="G93" s="53"/>
    </row>
    <row r="94" spans="1:7" ht="11.25" customHeight="1" x14ac:dyDescent="0.2">
      <c r="D94" s="228"/>
    </row>
    <row r="95" spans="1:7" s="305" customFormat="1" ht="11.25" customHeight="1" x14ac:dyDescent="0.2">
      <c r="A95" s="53"/>
      <c r="B95" s="228"/>
      <c r="C95" s="53"/>
      <c r="D95" s="53"/>
      <c r="E95" s="53"/>
      <c r="F95" s="53"/>
      <c r="G95" s="53"/>
    </row>
    <row r="96" spans="1:7" ht="11.25" customHeight="1" x14ac:dyDescent="0.2">
      <c r="B96" s="228"/>
    </row>
  </sheetData>
  <customSheetViews>
    <customSheetView guid="{6DBFA32C-4AA4-4E1D-9A48-697377C64CC3}" showPageBreaks="1" showGridLines="0" fitToPage="1" printArea="1">
      <selection activeCell="D48" sqref="D48"/>
      <pageMargins left="0.19685039370078741" right="0.19685039370078741" top="0.39370078740157483" bottom="0.39370078740157483" header="0" footer="0"/>
      <printOptions horizontalCentered="1"/>
      <pageSetup paperSize="9" scale="61" orientation="portrait" r:id="rId1"/>
      <headerFooter alignWithMargins="0"/>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2"/>
      <headerFooter alignWithMargins="0">
        <oddFooter>&amp;A</oddFooter>
      </headerFooter>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3"/>
      <headerFooter alignWithMargins="0">
        <oddFooter>&amp;A</oddFooter>
      </headerFooter>
    </customSheetView>
    <customSheetView guid="{82EDB5A4-4824-4632-A540-7A52C92F04C7}" showPageBreaks="1" showGridLines="0" fitToPage="1" printArea="1" topLeftCell="A4">
      <selection activeCell="H22" sqref="H22"/>
      <pageMargins left="0.19685039370078741" right="0.19685039370078741" top="0.59055118110236227" bottom="0.19685039370078741" header="0" footer="0"/>
      <printOptions horizontalCentered="1"/>
      <pageSetup paperSize="9" scale="61" orientation="portrait" r:id="rId4"/>
      <headerFooter alignWithMargins="0"/>
    </customSheetView>
    <customSheetView guid="{3AAF6A5F-F9AA-430B-9AD9-1261ECDF41B5}" showPageBreaks="1" showGridLines="0" fitToPage="1" printArea="1" topLeftCell="A62">
      <selection activeCell="H83" sqref="H83"/>
      <pageMargins left="0.19685039370078741" right="0" top="0.19685039370078741" bottom="0.19685039370078741" header="0" footer="0"/>
      <printOptions horizontalCentered="1"/>
      <pageSetup paperSize="9" scale="60" orientation="portrait" horizontalDpi="300" verticalDpi="300" r:id="rId5"/>
      <headerFooter alignWithMargins="0"/>
    </customSheetView>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60" orientation="portrait" r:id="rId6"/>
      <headerFooter alignWithMargins="0"/>
    </customSheetView>
    <customSheetView guid="{25EF1E0D-169B-4051-B414-7E1196FC05E4}" showPageBreaks="1" showGridLines="0" fitToPage="1" printArea="1" topLeftCell="A7">
      <selection activeCell="D48" sqref="D48"/>
      <pageMargins left="0.19685039370078741" right="0.19685039370078741" top="0.19685039370078741" bottom="0.19685039370078741" header="0" footer="0"/>
      <printOptions horizontalCentered="1"/>
      <pageSetup paperSize="9" scale="60" orientation="portrait" horizontalDpi="300" verticalDpi="300" r:id="rId7"/>
      <headerFooter alignWithMargins="0"/>
    </customSheetView>
  </customSheetViews>
  <mergeCells count="21">
    <mergeCell ref="A3:G3"/>
    <mergeCell ref="A4:G4"/>
    <mergeCell ref="A5:G5"/>
    <mergeCell ref="A6:G6"/>
    <mergeCell ref="A7:G7"/>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s>
  <printOptions horizontalCentered="1"/>
  <pageMargins left="0.19685039370078741" right="0.19685039370078741" top="0.59055118110236227" bottom="0.19685039370078741" header="0" footer="0"/>
  <pageSetup paperSize="9" scale="60" orientation="portrait" r:id="rId8"/>
  <headerFooter alignWithMargins="0"/>
  <drawing r:id="rId9"/>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I184"/>
  <sheetViews>
    <sheetView showGridLines="0" zoomScaleNormal="100" workbookViewId="0"/>
  </sheetViews>
  <sheetFormatPr defaultRowHeight="11.25" customHeight="1" x14ac:dyDescent="0.2"/>
  <cols>
    <col min="1" max="1" width="79.85546875" style="315" customWidth="1"/>
    <col min="2" max="2" width="19" style="97" customWidth="1"/>
    <col min="3" max="3" width="19" style="97" bestFit="1" customWidth="1"/>
    <col min="4" max="4" width="17.5703125" style="97" bestFit="1" customWidth="1"/>
    <col min="5" max="5" width="15.85546875" style="97" customWidth="1"/>
    <col min="6" max="6" width="17.28515625" style="97" bestFit="1" customWidth="1"/>
    <col min="7" max="7" width="15.85546875" style="97" customWidth="1"/>
    <col min="8" max="8" width="16.7109375" style="97" customWidth="1"/>
    <col min="9" max="9" width="8.28515625" style="97" customWidth="1"/>
    <col min="10" max="16384" width="9.140625" style="97"/>
  </cols>
  <sheetData>
    <row r="1" spans="1:8" s="156" customFormat="1" ht="10.5" x14ac:dyDescent="0.2">
      <c r="A1" s="700" t="s">
        <v>872</v>
      </c>
      <c r="B1" s="153"/>
      <c r="C1" s="153"/>
      <c r="D1" s="153"/>
      <c r="E1" s="153"/>
      <c r="F1" s="153"/>
      <c r="G1" s="153"/>
      <c r="H1" s="153"/>
    </row>
    <row r="2" spans="1:8" s="156" customFormat="1" ht="10.5" x14ac:dyDescent="0.2">
      <c r="A2" s="310"/>
      <c r="B2" s="153"/>
      <c r="C2" s="153"/>
      <c r="D2" s="153"/>
      <c r="E2" s="153"/>
      <c r="F2" s="153"/>
    </row>
    <row r="3" spans="1:8" s="160" customFormat="1" ht="10.5" x14ac:dyDescent="0.2">
      <c r="A3" s="1049" t="s">
        <v>643</v>
      </c>
      <c r="B3" s="1049"/>
      <c r="C3" s="1049"/>
      <c r="D3" s="1049"/>
      <c r="E3" s="1049"/>
      <c r="F3" s="1049"/>
      <c r="G3" s="1049"/>
      <c r="H3" s="1049"/>
    </row>
    <row r="4" spans="1:8" s="160" customFormat="1" ht="10.5" x14ac:dyDescent="0.2">
      <c r="A4" s="1049" t="s">
        <v>105</v>
      </c>
      <c r="B4" s="1049"/>
      <c r="C4" s="1049"/>
      <c r="D4" s="1049"/>
      <c r="E4" s="1049"/>
      <c r="F4" s="1049"/>
      <c r="G4" s="1049"/>
      <c r="H4" s="1049"/>
    </row>
    <row r="5" spans="1:8" s="160" customFormat="1" ht="10.5" x14ac:dyDescent="0.2">
      <c r="A5" s="1049" t="s">
        <v>231</v>
      </c>
      <c r="B5" s="1049"/>
      <c r="C5" s="1049"/>
      <c r="D5" s="1049"/>
      <c r="E5" s="1049"/>
      <c r="F5" s="1049"/>
      <c r="G5" s="1049"/>
      <c r="H5" s="1049"/>
    </row>
    <row r="6" spans="1:8" s="160" customFormat="1" ht="10.5" x14ac:dyDescent="0.2">
      <c r="A6" s="1049" t="s">
        <v>107</v>
      </c>
      <c r="B6" s="1049"/>
      <c r="C6" s="1049"/>
      <c r="D6" s="1049"/>
      <c r="E6" s="1049"/>
      <c r="F6" s="1049"/>
      <c r="G6" s="1049"/>
      <c r="H6" s="1049"/>
    </row>
    <row r="7" spans="1:8" s="160" customFormat="1" ht="10.5" x14ac:dyDescent="0.2">
      <c r="A7" s="1049" t="s">
        <v>869</v>
      </c>
      <c r="B7" s="1049"/>
      <c r="C7" s="1049"/>
      <c r="D7" s="1049"/>
      <c r="E7" s="1049"/>
      <c r="F7" s="1049"/>
      <c r="G7" s="1049"/>
      <c r="H7" s="1049"/>
    </row>
    <row r="8" spans="1:8" s="156" customFormat="1" ht="10.5" x14ac:dyDescent="0.2">
      <c r="A8" s="311" t="s">
        <v>622</v>
      </c>
      <c r="B8" s="154"/>
      <c r="C8" s="154"/>
      <c r="D8" s="154"/>
      <c r="E8" s="154"/>
      <c r="F8" s="640"/>
      <c r="H8" s="256">
        <v>1</v>
      </c>
    </row>
    <row r="9" spans="1:8" s="253" customFormat="1" ht="15" customHeight="1" x14ac:dyDescent="0.2">
      <c r="A9" s="940" t="s">
        <v>187</v>
      </c>
      <c r="B9" s="940"/>
      <c r="C9" s="940"/>
      <c r="D9" s="940"/>
      <c r="E9" s="940"/>
      <c r="F9" s="940"/>
      <c r="G9" s="940"/>
      <c r="H9" s="940"/>
    </row>
    <row r="10" spans="1:8" s="253" customFormat="1" ht="15" customHeight="1" x14ac:dyDescent="0.15">
      <c r="A10" s="931" t="s">
        <v>867</v>
      </c>
      <c r="B10" s="1044" t="s">
        <v>108</v>
      </c>
      <c r="C10" s="1045"/>
      <c r="D10" s="1044" t="s">
        <v>108</v>
      </c>
      <c r="E10" s="1045"/>
      <c r="F10" s="929" t="s">
        <v>109</v>
      </c>
      <c r="G10" s="940"/>
      <c r="H10" s="940"/>
    </row>
    <row r="11" spans="1:8" s="253" customFormat="1" ht="15" customHeight="1" x14ac:dyDescent="0.2">
      <c r="A11" s="932"/>
      <c r="B11" s="924" t="s">
        <v>111</v>
      </c>
      <c r="C11" s="957"/>
      <c r="D11" s="924" t="s">
        <v>112</v>
      </c>
      <c r="E11" s="957"/>
      <c r="F11" s="923" t="s">
        <v>115</v>
      </c>
      <c r="G11" s="961"/>
      <c r="H11" s="250" t="s">
        <v>114</v>
      </c>
    </row>
    <row r="12" spans="1:8" s="253" customFormat="1" ht="15" customHeight="1" x14ac:dyDescent="0.2">
      <c r="A12" s="595" t="s">
        <v>868</v>
      </c>
      <c r="B12" s="925"/>
      <c r="C12" s="958"/>
      <c r="D12" s="1050" t="s">
        <v>116</v>
      </c>
      <c r="E12" s="1051"/>
      <c r="F12" s="1050" t="s">
        <v>117</v>
      </c>
      <c r="G12" s="1051"/>
      <c r="H12" s="613" t="s">
        <v>188</v>
      </c>
    </row>
    <row r="13" spans="1:8" s="253" customFormat="1" ht="14.25" customHeight="1" x14ac:dyDescent="0.2">
      <c r="A13" s="275" t="s">
        <v>189</v>
      </c>
      <c r="B13" s="989">
        <v>7821678000</v>
      </c>
      <c r="C13" s="990"/>
      <c r="D13" s="1040">
        <v>7821678000</v>
      </c>
      <c r="E13" s="1041"/>
      <c r="F13" s="1040">
        <v>2733181222.3700004</v>
      </c>
      <c r="G13" s="1041"/>
      <c r="H13" s="396">
        <v>34.943668383817389</v>
      </c>
    </row>
    <row r="14" spans="1:8" s="253" customFormat="1" ht="31.5" x14ac:dyDescent="0.2">
      <c r="A14" s="264" t="s">
        <v>369</v>
      </c>
      <c r="B14" s="989">
        <v>6859312000</v>
      </c>
      <c r="C14" s="990"/>
      <c r="D14" s="943">
        <v>6859312000</v>
      </c>
      <c r="E14" s="944"/>
      <c r="F14" s="943">
        <v>2299093839.4000001</v>
      </c>
      <c r="G14" s="944"/>
      <c r="H14" s="396">
        <v>33.51784901167931</v>
      </c>
    </row>
    <row r="15" spans="1:8" s="20" customFormat="1" ht="10.5" x14ac:dyDescent="0.2">
      <c r="A15" s="312" t="s">
        <v>318</v>
      </c>
      <c r="B15" s="728">
        <v>6742500000</v>
      </c>
      <c r="C15" s="783"/>
      <c r="D15" s="728">
        <v>6742500000</v>
      </c>
      <c r="E15" s="783"/>
      <c r="F15" s="945">
        <v>2264198500.6399999</v>
      </c>
      <c r="G15" s="946"/>
      <c r="H15" s="396">
        <v>33.580993706192061</v>
      </c>
    </row>
    <row r="16" spans="1:8" s="20" customFormat="1" ht="10.5" x14ac:dyDescent="0.2">
      <c r="A16" s="312" t="s">
        <v>319</v>
      </c>
      <c r="B16" s="728">
        <v>36676000</v>
      </c>
      <c r="C16" s="783"/>
      <c r="D16" s="728">
        <v>36676000</v>
      </c>
      <c r="E16" s="783"/>
      <c r="F16" s="945">
        <v>9749794.9399999995</v>
      </c>
      <c r="G16" s="946"/>
      <c r="H16" s="396">
        <v>26.583583106118443</v>
      </c>
    </row>
    <row r="17" spans="1:8" s="20" customFormat="1" ht="10.5" x14ac:dyDescent="0.2">
      <c r="A17" s="312" t="s">
        <v>320</v>
      </c>
      <c r="B17" s="728">
        <v>7445000</v>
      </c>
      <c r="C17" s="783"/>
      <c r="D17" s="728">
        <v>7445000</v>
      </c>
      <c r="E17" s="783"/>
      <c r="F17" s="945">
        <v>3525512.42</v>
      </c>
      <c r="G17" s="946"/>
      <c r="H17" s="396">
        <v>47.354095634654129</v>
      </c>
    </row>
    <row r="18" spans="1:8" s="20" customFormat="1" ht="21" x14ac:dyDescent="0.2">
      <c r="A18" s="312" t="s">
        <v>321</v>
      </c>
      <c r="B18" s="943">
        <v>0</v>
      </c>
      <c r="C18" s="944"/>
      <c r="D18" s="728">
        <v>0</v>
      </c>
      <c r="E18" s="783"/>
      <c r="F18" s="943">
        <v>0</v>
      </c>
      <c r="G18" s="944"/>
      <c r="H18" s="396">
        <v>0</v>
      </c>
    </row>
    <row r="19" spans="1:8" s="20" customFormat="1" ht="10.5" x14ac:dyDescent="0.2">
      <c r="A19" s="291" t="s">
        <v>322</v>
      </c>
      <c r="B19" s="744">
        <v>0</v>
      </c>
      <c r="C19" s="784"/>
      <c r="D19" s="728">
        <v>0</v>
      </c>
      <c r="E19" s="783"/>
      <c r="F19" s="943">
        <v>0</v>
      </c>
      <c r="G19" s="944"/>
      <c r="H19" s="396">
        <v>0</v>
      </c>
    </row>
    <row r="20" spans="1:8" s="20" customFormat="1" ht="21" x14ac:dyDescent="0.2">
      <c r="A20" s="291" t="s">
        <v>323</v>
      </c>
      <c r="B20" s="728">
        <v>72691000</v>
      </c>
      <c r="C20" s="783"/>
      <c r="D20" s="728">
        <v>72691000</v>
      </c>
      <c r="E20" s="783"/>
      <c r="F20" s="945">
        <v>21620031.399999999</v>
      </c>
      <c r="G20" s="946"/>
      <c r="H20" s="396">
        <v>29.742377185621326</v>
      </c>
    </row>
    <row r="21" spans="1:8" s="20" customFormat="1" ht="10.5" x14ac:dyDescent="0.2">
      <c r="A21" s="15" t="s">
        <v>324</v>
      </c>
      <c r="B21" s="744">
        <v>0</v>
      </c>
      <c r="C21" s="784"/>
      <c r="D21" s="728">
        <v>0</v>
      </c>
      <c r="E21" s="783"/>
      <c r="F21" s="943">
        <v>0</v>
      </c>
      <c r="G21" s="944"/>
      <c r="H21" s="396">
        <v>0</v>
      </c>
    </row>
    <row r="22" spans="1:8" s="253" customFormat="1" ht="21" x14ac:dyDescent="0.2">
      <c r="A22" s="264" t="s">
        <v>325</v>
      </c>
      <c r="B22" s="989">
        <v>108031000</v>
      </c>
      <c r="C22" s="990"/>
      <c r="D22" s="989">
        <v>108031000</v>
      </c>
      <c r="E22" s="990"/>
      <c r="F22" s="943">
        <v>24917816.02</v>
      </c>
      <c r="G22" s="944"/>
      <c r="H22" s="396">
        <v>23.065431237330024</v>
      </c>
    </row>
    <row r="23" spans="1:8" s="20" customFormat="1" ht="10.5" x14ac:dyDescent="0.2">
      <c r="A23" s="312" t="s">
        <v>326</v>
      </c>
      <c r="B23" s="941">
        <v>105800000</v>
      </c>
      <c r="C23" s="942"/>
      <c r="D23" s="728">
        <v>105800000</v>
      </c>
      <c r="E23" s="783"/>
      <c r="F23" s="945">
        <v>24841216.98</v>
      </c>
      <c r="G23" s="946"/>
      <c r="H23" s="396">
        <v>23.479411134215503</v>
      </c>
    </row>
    <row r="24" spans="1:8" s="20" customFormat="1" ht="10.5" x14ac:dyDescent="0.2">
      <c r="A24" s="312" t="s">
        <v>327</v>
      </c>
      <c r="B24" s="941">
        <v>2231000</v>
      </c>
      <c r="C24" s="942"/>
      <c r="D24" s="728">
        <v>2231000</v>
      </c>
      <c r="E24" s="783"/>
      <c r="F24" s="945">
        <v>76599.039999999994</v>
      </c>
      <c r="G24" s="946"/>
      <c r="H24" s="396">
        <v>3.4333948901837741</v>
      </c>
    </row>
    <row r="25" spans="1:8" s="20" customFormat="1" ht="10.5" x14ac:dyDescent="0.2">
      <c r="A25" s="312" t="s">
        <v>328</v>
      </c>
      <c r="B25" s="989">
        <v>0</v>
      </c>
      <c r="C25" s="990"/>
      <c r="D25" s="728">
        <v>0</v>
      </c>
      <c r="E25" s="783"/>
      <c r="F25" s="943">
        <v>0</v>
      </c>
      <c r="G25" s="944"/>
      <c r="H25" s="396">
        <v>0</v>
      </c>
    </row>
    <row r="26" spans="1:8" s="20" customFormat="1" ht="21" x14ac:dyDescent="0.2">
      <c r="A26" s="312" t="s">
        <v>329</v>
      </c>
      <c r="B26" s="989">
        <v>0</v>
      </c>
      <c r="C26" s="990"/>
      <c r="D26" s="728">
        <v>0</v>
      </c>
      <c r="E26" s="783"/>
      <c r="F26" s="943">
        <v>0</v>
      </c>
      <c r="G26" s="944"/>
      <c r="H26" s="396">
        <v>0</v>
      </c>
    </row>
    <row r="27" spans="1:8" s="20" customFormat="1" ht="10.5" x14ac:dyDescent="0.2">
      <c r="A27" s="295" t="s">
        <v>334</v>
      </c>
      <c r="B27" s="989">
        <v>0</v>
      </c>
      <c r="C27" s="990"/>
      <c r="D27" s="728">
        <v>0</v>
      </c>
      <c r="E27" s="783"/>
      <c r="F27" s="943">
        <v>0</v>
      </c>
      <c r="G27" s="944"/>
      <c r="H27" s="396">
        <v>0</v>
      </c>
    </row>
    <row r="28" spans="1:8" s="253" customFormat="1" ht="21" x14ac:dyDescent="0.2">
      <c r="A28" s="264" t="s">
        <v>338</v>
      </c>
      <c r="B28" s="989">
        <v>343935000</v>
      </c>
      <c r="C28" s="990"/>
      <c r="D28" s="989">
        <v>343935000</v>
      </c>
      <c r="E28" s="990"/>
      <c r="F28" s="943">
        <v>254255460.30000001</v>
      </c>
      <c r="G28" s="944"/>
      <c r="H28" s="396">
        <v>73.925439487112399</v>
      </c>
    </row>
    <row r="29" spans="1:8" s="20" customFormat="1" ht="10.5" x14ac:dyDescent="0.2">
      <c r="A29" s="312" t="s">
        <v>330</v>
      </c>
      <c r="B29" s="941">
        <v>329900000</v>
      </c>
      <c r="C29" s="942"/>
      <c r="D29" s="728">
        <v>329900000</v>
      </c>
      <c r="E29" s="783"/>
      <c r="F29" s="945">
        <v>251138990.93000001</v>
      </c>
      <c r="G29" s="946"/>
      <c r="H29" s="396">
        <v>76.125792946347389</v>
      </c>
    </row>
    <row r="30" spans="1:8" s="20" customFormat="1" ht="10.5" x14ac:dyDescent="0.2">
      <c r="A30" s="312" t="s">
        <v>331</v>
      </c>
      <c r="B30" s="941">
        <v>14003000</v>
      </c>
      <c r="C30" s="942"/>
      <c r="D30" s="728">
        <v>14003000</v>
      </c>
      <c r="E30" s="783"/>
      <c r="F30" s="945">
        <v>3114724.9</v>
      </c>
      <c r="G30" s="946"/>
      <c r="H30" s="396">
        <v>22.243268585303149</v>
      </c>
    </row>
    <row r="31" spans="1:8" s="20" customFormat="1" ht="10.5" x14ac:dyDescent="0.2">
      <c r="A31" s="312" t="s">
        <v>332</v>
      </c>
      <c r="B31" s="941">
        <v>32000</v>
      </c>
      <c r="C31" s="942"/>
      <c r="D31" s="728">
        <v>32000</v>
      </c>
      <c r="E31" s="783"/>
      <c r="F31" s="945">
        <v>1744.47</v>
      </c>
      <c r="G31" s="946"/>
      <c r="H31" s="396">
        <v>5.4514687500000001</v>
      </c>
    </row>
    <row r="32" spans="1:8" s="20" customFormat="1" ht="21" x14ac:dyDescent="0.2">
      <c r="A32" s="312" t="s">
        <v>333</v>
      </c>
      <c r="B32" s="989">
        <v>0</v>
      </c>
      <c r="C32" s="990"/>
      <c r="D32" s="728">
        <v>0</v>
      </c>
      <c r="E32" s="783"/>
      <c r="F32" s="943">
        <v>0</v>
      </c>
      <c r="G32" s="944"/>
      <c r="H32" s="396">
        <v>0</v>
      </c>
    </row>
    <row r="33" spans="1:8" s="20" customFormat="1" ht="10.5" x14ac:dyDescent="0.2">
      <c r="A33" s="295" t="s">
        <v>335</v>
      </c>
      <c r="B33" s="989">
        <v>0</v>
      </c>
      <c r="C33" s="990"/>
      <c r="D33" s="728">
        <v>0</v>
      </c>
      <c r="E33" s="783"/>
      <c r="F33" s="943">
        <v>0</v>
      </c>
      <c r="G33" s="944"/>
      <c r="H33" s="396">
        <v>0</v>
      </c>
    </row>
    <row r="34" spans="1:8" s="253" customFormat="1" ht="21" x14ac:dyDescent="0.2">
      <c r="A34" s="264" t="s">
        <v>339</v>
      </c>
      <c r="B34" s="989">
        <v>510400000</v>
      </c>
      <c r="C34" s="990"/>
      <c r="D34" s="989">
        <v>510400000</v>
      </c>
      <c r="E34" s="990"/>
      <c r="F34" s="943">
        <v>154914106.64999998</v>
      </c>
      <c r="G34" s="944"/>
      <c r="H34" s="396">
        <v>30.351509923589337</v>
      </c>
    </row>
    <row r="35" spans="1:8" s="20" customFormat="1" ht="10.5" x14ac:dyDescent="0.2">
      <c r="A35" s="312" t="s">
        <v>337</v>
      </c>
      <c r="B35" s="941">
        <v>510400000</v>
      </c>
      <c r="C35" s="942"/>
      <c r="D35" s="728">
        <v>510400000</v>
      </c>
      <c r="E35" s="783"/>
      <c r="F35" s="945">
        <v>154914106.64999998</v>
      </c>
      <c r="G35" s="946"/>
      <c r="H35" s="396">
        <v>30.351509923589337</v>
      </c>
    </row>
    <row r="36" spans="1:8" s="20" customFormat="1" ht="10.5" x14ac:dyDescent="0.2">
      <c r="A36" s="312" t="s">
        <v>457</v>
      </c>
      <c r="B36" s="989">
        <v>0</v>
      </c>
      <c r="C36" s="990"/>
      <c r="D36" s="728">
        <v>0</v>
      </c>
      <c r="E36" s="783"/>
      <c r="F36" s="943">
        <v>0</v>
      </c>
      <c r="G36" s="944"/>
      <c r="H36" s="396">
        <v>0</v>
      </c>
    </row>
    <row r="37" spans="1:8" s="20" customFormat="1" ht="10.5" x14ac:dyDescent="0.2">
      <c r="A37" s="312" t="s">
        <v>458</v>
      </c>
      <c r="B37" s="989">
        <v>0</v>
      </c>
      <c r="C37" s="990"/>
      <c r="D37" s="728">
        <v>0</v>
      </c>
      <c r="E37" s="783"/>
      <c r="F37" s="943">
        <v>0</v>
      </c>
      <c r="G37" s="944"/>
      <c r="H37" s="396">
        <v>0</v>
      </c>
    </row>
    <row r="38" spans="1:8" s="20" customFormat="1" ht="21" x14ac:dyDescent="0.2">
      <c r="A38" s="312" t="s">
        <v>459</v>
      </c>
      <c r="B38" s="989">
        <v>0</v>
      </c>
      <c r="C38" s="990"/>
      <c r="D38" s="728">
        <v>0</v>
      </c>
      <c r="E38" s="783"/>
      <c r="F38" s="943">
        <v>0</v>
      </c>
      <c r="G38" s="944"/>
      <c r="H38" s="396">
        <v>0</v>
      </c>
    </row>
    <row r="39" spans="1:8" s="20" customFormat="1" ht="10.5" x14ac:dyDescent="0.2">
      <c r="A39" s="295" t="s">
        <v>336</v>
      </c>
      <c r="B39" s="989">
        <v>0</v>
      </c>
      <c r="C39" s="990"/>
      <c r="D39" s="728">
        <v>0</v>
      </c>
      <c r="E39" s="783"/>
      <c r="F39" s="943">
        <v>0</v>
      </c>
      <c r="G39" s="944"/>
      <c r="H39" s="396">
        <v>0</v>
      </c>
    </row>
    <row r="40" spans="1:8" s="253" customFormat="1" ht="10.5" x14ac:dyDescent="0.2">
      <c r="A40" s="264" t="s">
        <v>340</v>
      </c>
      <c r="B40" s="989">
        <v>1158800000</v>
      </c>
      <c r="C40" s="990"/>
      <c r="D40" s="989">
        <v>1158800000</v>
      </c>
      <c r="E40" s="990"/>
      <c r="F40" s="943">
        <v>406614897.67000002</v>
      </c>
      <c r="G40" s="944"/>
      <c r="H40" s="396">
        <v>35.089307703658953</v>
      </c>
    </row>
    <row r="41" spans="1:8" s="20" customFormat="1" ht="10.5" x14ac:dyDescent="0.2">
      <c r="A41" s="124" t="s">
        <v>190</v>
      </c>
      <c r="B41" s="941">
        <v>1070500000</v>
      </c>
      <c r="C41" s="942"/>
      <c r="D41" s="728">
        <v>1070500000</v>
      </c>
      <c r="E41" s="783"/>
      <c r="F41" s="945">
        <v>369173757.56999999</v>
      </c>
      <c r="G41" s="946"/>
      <c r="H41" s="396">
        <v>34.486105331153666</v>
      </c>
    </row>
    <row r="42" spans="1:8" s="20" customFormat="1" ht="10.5" x14ac:dyDescent="0.2">
      <c r="A42" s="124" t="s">
        <v>191</v>
      </c>
      <c r="B42" s="941">
        <v>18100000</v>
      </c>
      <c r="C42" s="942"/>
      <c r="D42" s="728">
        <v>18100000</v>
      </c>
      <c r="E42" s="783"/>
      <c r="F42" s="945">
        <v>6018918.75</v>
      </c>
      <c r="G42" s="946"/>
      <c r="H42" s="396">
        <v>33.253694751381211</v>
      </c>
    </row>
    <row r="43" spans="1:8" s="20" customFormat="1" ht="10.5" x14ac:dyDescent="0.2">
      <c r="A43" s="312" t="s">
        <v>192</v>
      </c>
      <c r="B43" s="941">
        <v>70200000</v>
      </c>
      <c r="C43" s="942"/>
      <c r="D43" s="728">
        <v>70200000</v>
      </c>
      <c r="E43" s="783"/>
      <c r="F43" s="945">
        <v>31422221.350000001</v>
      </c>
      <c r="G43" s="946"/>
      <c r="H43" s="396">
        <v>44.760999074074078</v>
      </c>
    </row>
    <row r="44" spans="1:8" s="20" customFormat="1" ht="10.5" x14ac:dyDescent="0.2">
      <c r="A44" s="312" t="s">
        <v>193</v>
      </c>
      <c r="B44" s="941">
        <v>0</v>
      </c>
      <c r="C44" s="942"/>
      <c r="D44" s="728">
        <v>0</v>
      </c>
      <c r="E44" s="783"/>
      <c r="F44" s="943">
        <v>0</v>
      </c>
      <c r="G44" s="944"/>
      <c r="H44" s="396">
        <v>0</v>
      </c>
    </row>
    <row r="45" spans="1:8" s="262" customFormat="1" ht="15" customHeight="1" x14ac:dyDescent="0.2">
      <c r="A45" s="313" t="s">
        <v>460</v>
      </c>
      <c r="B45" s="988">
        <v>8980478000</v>
      </c>
      <c r="C45" s="1019"/>
      <c r="D45" s="988">
        <v>8980478000</v>
      </c>
      <c r="E45" s="1019"/>
      <c r="F45" s="988">
        <v>3139796120.0400004</v>
      </c>
      <c r="G45" s="1019"/>
      <c r="H45" s="397">
        <v>34.962461018667383</v>
      </c>
    </row>
    <row r="46" spans="1:8" s="253" customFormat="1" ht="15" customHeight="1" x14ac:dyDescent="0.15">
      <c r="A46" s="931" t="s">
        <v>194</v>
      </c>
      <c r="B46" s="1044" t="s">
        <v>108</v>
      </c>
      <c r="C46" s="1045"/>
      <c r="D46" s="923" t="s">
        <v>108</v>
      </c>
      <c r="E46" s="961"/>
      <c r="F46" s="929" t="s">
        <v>109</v>
      </c>
      <c r="G46" s="940"/>
      <c r="H46" s="940"/>
    </row>
    <row r="47" spans="1:8" s="253" customFormat="1" ht="15" customHeight="1" x14ac:dyDescent="0.2">
      <c r="A47" s="932"/>
      <c r="B47" s="924" t="s">
        <v>111</v>
      </c>
      <c r="C47" s="957"/>
      <c r="D47" s="924" t="s">
        <v>112</v>
      </c>
      <c r="E47" s="957"/>
      <c r="F47" s="923" t="s">
        <v>115</v>
      </c>
      <c r="G47" s="961"/>
      <c r="H47" s="250" t="s">
        <v>114</v>
      </c>
    </row>
    <row r="48" spans="1:8" s="253" customFormat="1" ht="15" customHeight="1" x14ac:dyDescent="0.2">
      <c r="A48" s="933"/>
      <c r="B48" s="925"/>
      <c r="C48" s="958"/>
      <c r="D48" s="925" t="s">
        <v>116</v>
      </c>
      <c r="E48" s="958"/>
      <c r="F48" s="925" t="s">
        <v>117</v>
      </c>
      <c r="G48" s="958"/>
      <c r="H48" s="251" t="s">
        <v>188</v>
      </c>
    </row>
    <row r="49" spans="1:8" s="20" customFormat="1" ht="15" customHeight="1" x14ac:dyDescent="0.2">
      <c r="A49" s="292" t="s">
        <v>461</v>
      </c>
      <c r="B49" s="817">
        <v>1696655250</v>
      </c>
      <c r="C49" s="883"/>
      <c r="D49" s="817">
        <v>1696655250</v>
      </c>
      <c r="E49" s="883"/>
      <c r="F49" s="817">
        <v>569368452</v>
      </c>
      <c r="G49" s="883"/>
      <c r="H49" s="500">
        <v>33.558287813626251</v>
      </c>
    </row>
    <row r="50" spans="1:8" s="20" customFormat="1" ht="15" customHeight="1" x14ac:dyDescent="0.2">
      <c r="A50" s="292" t="s">
        <v>462</v>
      </c>
      <c r="B50" s="728">
        <v>171967500</v>
      </c>
      <c r="C50" s="783"/>
      <c r="D50" s="728">
        <v>171967500</v>
      </c>
      <c r="E50" s="783"/>
      <c r="F50" s="728">
        <v>127127730.15000001</v>
      </c>
      <c r="G50" s="783"/>
      <c r="H50" s="425">
        <v>73.925439487112399</v>
      </c>
    </row>
    <row r="51" spans="1:8" s="20" customFormat="1" ht="20.25" customHeight="1" x14ac:dyDescent="0.2">
      <c r="A51" s="292" t="s">
        <v>463</v>
      </c>
      <c r="B51" s="728">
        <v>17550000</v>
      </c>
      <c r="C51" s="783"/>
      <c r="D51" s="728">
        <v>17550000</v>
      </c>
      <c r="E51" s="783"/>
      <c r="F51" s="728">
        <v>7855555.3375000004</v>
      </c>
      <c r="G51" s="783"/>
      <c r="H51" s="425">
        <v>44.760999074074078</v>
      </c>
    </row>
    <row r="52" spans="1:8" s="20" customFormat="1" ht="15" customHeight="1" x14ac:dyDescent="0.2">
      <c r="A52" s="710" t="s">
        <v>464</v>
      </c>
      <c r="B52" s="947">
        <v>1886172750</v>
      </c>
      <c r="C52" s="948"/>
      <c r="D52" s="947">
        <v>1886172750</v>
      </c>
      <c r="E52" s="948"/>
      <c r="F52" s="947">
        <v>704351737.48749995</v>
      </c>
      <c r="G52" s="948"/>
      <c r="H52" s="411">
        <v>37.342907084597634</v>
      </c>
    </row>
    <row r="53" spans="1:8" s="253" customFormat="1" ht="15" customHeight="1" x14ac:dyDescent="0.2">
      <c r="A53" s="266" t="s">
        <v>465</v>
      </c>
      <c r="B53" s="988">
        <v>7094305250</v>
      </c>
      <c r="C53" s="930"/>
      <c r="D53" s="988">
        <v>7094305250</v>
      </c>
      <c r="E53" s="930"/>
      <c r="F53" s="988">
        <v>2435444382.5525007</v>
      </c>
      <c r="G53" s="930"/>
      <c r="H53" s="397">
        <v>34.32956853037161</v>
      </c>
    </row>
    <row r="54" spans="1:8" s="253" customFormat="1" ht="15" customHeight="1" x14ac:dyDescent="0.2">
      <c r="A54" s="931" t="s">
        <v>873</v>
      </c>
      <c r="B54" s="923" t="s">
        <v>108</v>
      </c>
      <c r="C54" s="961"/>
      <c r="D54" s="923" t="s">
        <v>108</v>
      </c>
      <c r="E54" s="961"/>
      <c r="F54" s="929" t="s">
        <v>109</v>
      </c>
      <c r="G54" s="940"/>
      <c r="H54" s="940"/>
    </row>
    <row r="55" spans="1:8" s="253" customFormat="1" ht="15" customHeight="1" x14ac:dyDescent="0.2">
      <c r="A55" s="932"/>
      <c r="B55" s="924" t="s">
        <v>111</v>
      </c>
      <c r="C55" s="957"/>
      <c r="D55" s="924" t="s">
        <v>112</v>
      </c>
      <c r="E55" s="957"/>
      <c r="F55" s="923" t="s">
        <v>115</v>
      </c>
      <c r="G55" s="961"/>
      <c r="H55" s="250" t="s">
        <v>114</v>
      </c>
    </row>
    <row r="56" spans="1:8" s="253" customFormat="1" ht="15" customHeight="1" x14ac:dyDescent="0.2">
      <c r="A56" s="933"/>
      <c r="B56" s="925"/>
      <c r="C56" s="958"/>
      <c r="D56" s="925" t="s">
        <v>116</v>
      </c>
      <c r="E56" s="958"/>
      <c r="F56" s="925" t="s">
        <v>117</v>
      </c>
      <c r="G56" s="958"/>
      <c r="H56" s="251" t="s">
        <v>188</v>
      </c>
    </row>
    <row r="57" spans="1:8" s="253" customFormat="1" ht="21" x14ac:dyDescent="0.2">
      <c r="A57" s="300" t="s">
        <v>466</v>
      </c>
      <c r="B57" s="989">
        <v>0</v>
      </c>
      <c r="C57" s="990"/>
      <c r="D57" s="728">
        <v>0</v>
      </c>
      <c r="E57" s="783"/>
      <c r="F57" s="989">
        <v>0</v>
      </c>
      <c r="G57" s="990"/>
      <c r="H57" s="410">
        <v>0</v>
      </c>
    </row>
    <row r="58" spans="1:8" s="253" customFormat="1" ht="10.5" x14ac:dyDescent="0.2">
      <c r="A58" s="300" t="s">
        <v>467</v>
      </c>
      <c r="B58" s="744">
        <v>47811000</v>
      </c>
      <c r="C58" s="784"/>
      <c r="D58" s="744">
        <v>54261781.49000001</v>
      </c>
      <c r="E58" s="784"/>
      <c r="F58" s="744">
        <v>27730166.93</v>
      </c>
      <c r="G58" s="784"/>
      <c r="H58" s="411">
        <v>0</v>
      </c>
    </row>
    <row r="59" spans="1:8" s="20" customFormat="1" ht="10.5" x14ac:dyDescent="0.2">
      <c r="A59" s="292" t="s">
        <v>468</v>
      </c>
      <c r="B59" s="941">
        <v>47811000</v>
      </c>
      <c r="C59" s="942"/>
      <c r="D59" s="728">
        <v>47811000</v>
      </c>
      <c r="E59" s="783"/>
      <c r="F59" s="941">
        <v>21279385.440000001</v>
      </c>
      <c r="G59" s="942"/>
      <c r="H59" s="411">
        <v>0</v>
      </c>
    </row>
    <row r="60" spans="1:8" s="20" customFormat="1" ht="10.5" x14ac:dyDescent="0.2">
      <c r="A60" s="292" t="s">
        <v>469</v>
      </c>
      <c r="B60" s="943">
        <v>0</v>
      </c>
      <c r="C60" s="944"/>
      <c r="D60" s="728">
        <v>0</v>
      </c>
      <c r="E60" s="783"/>
      <c r="F60" s="989">
        <v>0</v>
      </c>
      <c r="G60" s="990"/>
      <c r="H60" s="411">
        <v>0</v>
      </c>
    </row>
    <row r="61" spans="1:8" s="20" customFormat="1" ht="10.5" x14ac:dyDescent="0.2">
      <c r="A61" s="292" t="s">
        <v>470</v>
      </c>
      <c r="B61" s="943">
        <v>0</v>
      </c>
      <c r="C61" s="944"/>
      <c r="D61" s="728">
        <v>3346531.2</v>
      </c>
      <c r="E61" s="783"/>
      <c r="F61" s="941">
        <v>3346531.2</v>
      </c>
      <c r="G61" s="942"/>
      <c r="H61" s="411">
        <v>0</v>
      </c>
    </row>
    <row r="62" spans="1:8" s="20" customFormat="1" ht="10.5" x14ac:dyDescent="0.2">
      <c r="A62" s="292" t="s">
        <v>471</v>
      </c>
      <c r="B62" s="943">
        <v>0</v>
      </c>
      <c r="C62" s="944"/>
      <c r="D62" s="728">
        <v>4841.84</v>
      </c>
      <c r="E62" s="783"/>
      <c r="F62" s="941">
        <v>4841.84</v>
      </c>
      <c r="G62" s="942"/>
      <c r="H62" s="411">
        <v>0</v>
      </c>
    </row>
    <row r="63" spans="1:8" s="20" customFormat="1" ht="10.5" x14ac:dyDescent="0.2">
      <c r="A63" s="292" t="s">
        <v>472</v>
      </c>
      <c r="B63" s="943">
        <v>0</v>
      </c>
      <c r="C63" s="944"/>
      <c r="D63" s="728">
        <v>2849218.95</v>
      </c>
      <c r="E63" s="783"/>
      <c r="F63" s="941">
        <v>2849218.95</v>
      </c>
      <c r="G63" s="942"/>
      <c r="H63" s="425">
        <v>0</v>
      </c>
    </row>
    <row r="64" spans="1:8" s="20" customFormat="1" ht="10.5" x14ac:dyDescent="0.2">
      <c r="A64" s="292" t="s">
        <v>473</v>
      </c>
      <c r="B64" s="943">
        <v>0</v>
      </c>
      <c r="C64" s="944"/>
      <c r="D64" s="728">
        <v>250189.5</v>
      </c>
      <c r="E64" s="783"/>
      <c r="F64" s="989">
        <v>250189.5</v>
      </c>
      <c r="G64" s="990"/>
      <c r="H64" s="411">
        <v>0</v>
      </c>
    </row>
    <row r="65" spans="1:8" s="253" customFormat="1" ht="10.5" x14ac:dyDescent="0.2">
      <c r="A65" s="300" t="s">
        <v>474</v>
      </c>
      <c r="B65" s="943">
        <v>160903300</v>
      </c>
      <c r="C65" s="944"/>
      <c r="D65" s="943">
        <v>160903300</v>
      </c>
      <c r="E65" s="944"/>
      <c r="F65" s="1042">
        <v>1867197.5</v>
      </c>
      <c r="G65" s="1043"/>
      <c r="H65" s="411">
        <v>0</v>
      </c>
    </row>
    <row r="66" spans="1:8" s="20" customFormat="1" ht="10.5" x14ac:dyDescent="0.2">
      <c r="A66" s="292" t="s">
        <v>475</v>
      </c>
      <c r="B66" s="945">
        <v>160903300</v>
      </c>
      <c r="C66" s="946"/>
      <c r="D66" s="728">
        <v>160903300</v>
      </c>
      <c r="E66" s="783"/>
      <c r="F66" s="941">
        <v>1867197.5</v>
      </c>
      <c r="G66" s="942"/>
      <c r="H66" s="411">
        <v>0</v>
      </c>
    </row>
    <row r="67" spans="1:8" s="20" customFormat="1" ht="10.5" x14ac:dyDescent="0.2">
      <c r="A67" s="123" t="s">
        <v>476</v>
      </c>
      <c r="B67" s="943">
        <v>0</v>
      </c>
      <c r="C67" s="944"/>
      <c r="D67" s="728">
        <v>0</v>
      </c>
      <c r="E67" s="783"/>
      <c r="F67" s="989">
        <v>0</v>
      </c>
      <c r="G67" s="990"/>
      <c r="H67" s="411">
        <v>0</v>
      </c>
    </row>
    <row r="68" spans="1:8" s="253" customFormat="1" ht="10.5" x14ac:dyDescent="0.2">
      <c r="A68" s="300" t="s">
        <v>477</v>
      </c>
      <c r="B68" s="943">
        <v>0</v>
      </c>
      <c r="C68" s="944"/>
      <c r="D68" s="728">
        <v>0</v>
      </c>
      <c r="E68" s="783"/>
      <c r="F68" s="989">
        <v>0</v>
      </c>
      <c r="G68" s="990"/>
      <c r="H68" s="411">
        <v>0</v>
      </c>
    </row>
    <row r="69" spans="1:8" s="253" customFormat="1" ht="15" customHeight="1" x14ac:dyDescent="0.2">
      <c r="A69" s="267" t="s">
        <v>790</v>
      </c>
      <c r="B69" s="991">
        <v>0</v>
      </c>
      <c r="C69" s="992"/>
      <c r="D69" s="991">
        <v>0</v>
      </c>
      <c r="E69" s="992"/>
      <c r="F69" s="991">
        <v>0</v>
      </c>
      <c r="G69" s="992"/>
      <c r="H69" s="410">
        <v>0</v>
      </c>
    </row>
    <row r="70" spans="1:8" s="253" customFormat="1" ht="26.25" customHeight="1" x14ac:dyDescent="0.2">
      <c r="A70" s="698" t="s">
        <v>815</v>
      </c>
      <c r="B70" s="1048">
        <v>208714300</v>
      </c>
      <c r="C70" s="1048">
        <v>0</v>
      </c>
      <c r="D70" s="1048">
        <v>215165081.49000001</v>
      </c>
      <c r="E70" s="1048">
        <v>0</v>
      </c>
      <c r="F70" s="1048">
        <v>29597364.43</v>
      </c>
      <c r="G70" s="1048">
        <v>0</v>
      </c>
      <c r="H70" s="699">
        <v>13.755654135439055</v>
      </c>
    </row>
    <row r="71" spans="1:8" s="253" customFormat="1" ht="15" customHeight="1" x14ac:dyDescent="0.2">
      <c r="A71" s="940" t="s">
        <v>195</v>
      </c>
      <c r="B71" s="940"/>
      <c r="C71" s="940"/>
      <c r="D71" s="940"/>
      <c r="E71" s="940"/>
      <c r="F71" s="940"/>
      <c r="G71" s="940"/>
      <c r="H71" s="940"/>
    </row>
    <row r="72" spans="1:8" s="253" customFormat="1" ht="15" customHeight="1" x14ac:dyDescent="0.2">
      <c r="A72" s="931" t="s">
        <v>196</v>
      </c>
      <c r="B72" s="923" t="s">
        <v>108</v>
      </c>
      <c r="C72" s="961"/>
      <c r="D72" s="923" t="s">
        <v>108</v>
      </c>
      <c r="E72" s="961"/>
      <c r="F72" s="929" t="s">
        <v>109</v>
      </c>
      <c r="G72" s="940"/>
      <c r="H72" s="940"/>
    </row>
    <row r="73" spans="1:8" s="253" customFormat="1" ht="15" customHeight="1" x14ac:dyDescent="0.2">
      <c r="A73" s="932"/>
      <c r="B73" s="924" t="s">
        <v>111</v>
      </c>
      <c r="C73" s="957"/>
      <c r="D73" s="924" t="s">
        <v>112</v>
      </c>
      <c r="E73" s="957"/>
      <c r="F73" s="923" t="s">
        <v>115</v>
      </c>
      <c r="G73" s="961"/>
      <c r="H73" s="250" t="s">
        <v>114</v>
      </c>
    </row>
    <row r="74" spans="1:8" s="253" customFormat="1" ht="15" customHeight="1" x14ac:dyDescent="0.2">
      <c r="A74" s="933"/>
      <c r="B74" s="925"/>
      <c r="C74" s="958"/>
      <c r="D74" s="925" t="s">
        <v>116</v>
      </c>
      <c r="E74" s="958"/>
      <c r="F74" s="925" t="s">
        <v>117</v>
      </c>
      <c r="G74" s="958"/>
      <c r="H74" s="251" t="s">
        <v>188</v>
      </c>
    </row>
    <row r="75" spans="1:8" s="253" customFormat="1" ht="10.5" x14ac:dyDescent="0.2">
      <c r="A75" s="269" t="s">
        <v>478</v>
      </c>
      <c r="B75" s="1046">
        <v>1302242850</v>
      </c>
      <c r="C75" s="1047"/>
      <c r="D75" s="1046">
        <v>1302242850</v>
      </c>
      <c r="E75" s="1047"/>
      <c r="F75" s="744">
        <v>451782048.9005</v>
      </c>
      <c r="G75" s="784"/>
      <c r="H75" s="344">
        <v>34.692611205390762</v>
      </c>
    </row>
    <row r="76" spans="1:8" s="20" customFormat="1" ht="10.5" x14ac:dyDescent="0.2">
      <c r="A76" s="292" t="s">
        <v>479</v>
      </c>
      <c r="B76" s="953">
        <v>1017993150</v>
      </c>
      <c r="C76" s="954">
        <v>0</v>
      </c>
      <c r="D76" s="953">
        <v>1017993150</v>
      </c>
      <c r="E76" s="954">
        <v>0</v>
      </c>
      <c r="F76" s="728">
        <v>341621071.20000005</v>
      </c>
      <c r="G76" s="783">
        <v>0</v>
      </c>
      <c r="H76" s="375">
        <v>33.558287813626251</v>
      </c>
    </row>
    <row r="77" spans="1:8" s="20" customFormat="1" ht="10.5" x14ac:dyDescent="0.2">
      <c r="A77" s="292" t="s">
        <v>480</v>
      </c>
      <c r="B77" s="953">
        <v>21606200</v>
      </c>
      <c r="C77" s="954">
        <v>0</v>
      </c>
      <c r="D77" s="953">
        <v>21606200</v>
      </c>
      <c r="E77" s="954">
        <v>0</v>
      </c>
      <c r="F77" s="728">
        <v>4983563.2039999999</v>
      </c>
      <c r="G77" s="783">
        <v>0</v>
      </c>
      <c r="H77" s="375">
        <v>23.065431237330024</v>
      </c>
    </row>
    <row r="78" spans="1:8" s="20" customFormat="1" ht="10.5" x14ac:dyDescent="0.2">
      <c r="A78" s="292" t="s">
        <v>481</v>
      </c>
      <c r="B78" s="953">
        <v>34393500</v>
      </c>
      <c r="C78" s="954">
        <v>0</v>
      </c>
      <c r="D78" s="953">
        <v>34393500</v>
      </c>
      <c r="E78" s="954">
        <v>0</v>
      </c>
      <c r="F78" s="728">
        <v>25425546.030000001</v>
      </c>
      <c r="G78" s="783">
        <v>0</v>
      </c>
      <c r="H78" s="375">
        <v>73.925439487112399</v>
      </c>
    </row>
    <row r="79" spans="1:8" s="20" customFormat="1" ht="10.5" x14ac:dyDescent="0.2">
      <c r="A79" s="292" t="s">
        <v>482</v>
      </c>
      <c r="B79" s="953">
        <v>214100000</v>
      </c>
      <c r="C79" s="954">
        <v>0</v>
      </c>
      <c r="D79" s="953">
        <v>214100000</v>
      </c>
      <c r="E79" s="954">
        <v>0</v>
      </c>
      <c r="F79" s="728">
        <v>73834751.513999999</v>
      </c>
      <c r="G79" s="783">
        <v>0</v>
      </c>
      <c r="H79" s="375">
        <v>34.486105331153666</v>
      </c>
    </row>
    <row r="80" spans="1:8" s="20" customFormat="1" ht="10.5" x14ac:dyDescent="0.2">
      <c r="A80" s="292" t="s">
        <v>483</v>
      </c>
      <c r="B80" s="953">
        <v>3620000</v>
      </c>
      <c r="C80" s="954">
        <v>0</v>
      </c>
      <c r="D80" s="953">
        <v>3620000</v>
      </c>
      <c r="E80" s="954">
        <v>0</v>
      </c>
      <c r="F80" s="728">
        <v>1203783.75</v>
      </c>
      <c r="G80" s="783">
        <v>0</v>
      </c>
      <c r="H80" s="375">
        <v>33.253694751381211</v>
      </c>
    </row>
    <row r="81" spans="1:8" s="20" customFormat="1" ht="10.5" x14ac:dyDescent="0.2">
      <c r="A81" s="292" t="s">
        <v>484</v>
      </c>
      <c r="B81" s="953">
        <v>10530000</v>
      </c>
      <c r="C81" s="954">
        <v>0</v>
      </c>
      <c r="D81" s="953">
        <v>10530000</v>
      </c>
      <c r="E81" s="954">
        <v>0</v>
      </c>
      <c r="F81" s="728">
        <v>4713333.2025000006</v>
      </c>
      <c r="G81" s="783">
        <v>0</v>
      </c>
      <c r="H81" s="375">
        <v>44.760999074074078</v>
      </c>
    </row>
    <row r="82" spans="1:8" s="253" customFormat="1" ht="10.5" x14ac:dyDescent="0.2">
      <c r="A82" s="300" t="s">
        <v>485</v>
      </c>
      <c r="B82" s="951">
        <v>927764000</v>
      </c>
      <c r="C82" s="952"/>
      <c r="D82" s="951">
        <v>929328589.60000002</v>
      </c>
      <c r="E82" s="952"/>
      <c r="F82" s="744">
        <v>296851447.94</v>
      </c>
      <c r="G82" s="784"/>
      <c r="H82" s="375">
        <v>31.942571364103873</v>
      </c>
    </row>
    <row r="83" spans="1:8" s="20" customFormat="1" ht="10.5" x14ac:dyDescent="0.2">
      <c r="A83" s="292" t="s">
        <v>486</v>
      </c>
      <c r="B83" s="953">
        <v>927764000</v>
      </c>
      <c r="C83" s="954"/>
      <c r="D83" s="728">
        <v>927764000</v>
      </c>
      <c r="E83" s="783"/>
      <c r="F83" s="728">
        <v>295286858.33999997</v>
      </c>
      <c r="G83" s="783"/>
      <c r="H83" s="375">
        <v>31.827798700962738</v>
      </c>
    </row>
    <row r="84" spans="1:8" s="20" customFormat="1" ht="10.5" x14ac:dyDescent="0.2">
      <c r="A84" s="292" t="s">
        <v>487</v>
      </c>
      <c r="B84" s="953">
        <v>0</v>
      </c>
      <c r="C84" s="954"/>
      <c r="D84" s="728">
        <v>0</v>
      </c>
      <c r="E84" s="783"/>
      <c r="F84" s="744">
        <v>0</v>
      </c>
      <c r="G84" s="784"/>
      <c r="H84" s="607" t="e">
        <v>#DIV/0!</v>
      </c>
    </row>
    <row r="85" spans="1:8" s="20" customFormat="1" ht="10.5" x14ac:dyDescent="0.2">
      <c r="A85" s="298" t="s">
        <v>488</v>
      </c>
      <c r="B85" s="993">
        <v>0</v>
      </c>
      <c r="C85" s="994"/>
      <c r="D85" s="728">
        <v>1564589.5999999999</v>
      </c>
      <c r="E85" s="783"/>
      <c r="F85" s="744">
        <v>1564589.5999999999</v>
      </c>
      <c r="G85" s="784"/>
      <c r="H85" s="607">
        <v>100</v>
      </c>
    </row>
    <row r="86" spans="1:8" s="253" customFormat="1" ht="15" customHeight="1" x14ac:dyDescent="0.2">
      <c r="A86" s="266" t="s">
        <v>489</v>
      </c>
      <c r="B86" s="995">
        <v>-374478850</v>
      </c>
      <c r="C86" s="996"/>
      <c r="D86" s="995">
        <v>-374478850</v>
      </c>
      <c r="E86" s="996"/>
      <c r="F86" s="724">
        <v>-156495190.56050003</v>
      </c>
      <c r="G86" s="725"/>
      <c r="H86" s="397">
        <v>41.79012794994965</v>
      </c>
    </row>
    <row r="87" spans="1:8" s="20" customFormat="1" ht="10.5" customHeight="1" x14ac:dyDescent="0.2">
      <c r="A87" s="318" t="s">
        <v>435</v>
      </c>
      <c r="B87" s="316"/>
      <c r="C87" s="316"/>
      <c r="D87" s="316"/>
      <c r="E87" s="316"/>
      <c r="F87" s="614"/>
      <c r="H87" s="93"/>
    </row>
    <row r="88" spans="1:8" s="20" customFormat="1" ht="10.5" customHeight="1" x14ac:dyDescent="0.2">
      <c r="A88" s="119" t="s">
        <v>436</v>
      </c>
      <c r="B88" s="317"/>
      <c r="C88" s="317"/>
      <c r="D88" s="317"/>
      <c r="E88" s="317"/>
      <c r="F88" s="317"/>
      <c r="H88" s="102"/>
    </row>
    <row r="89" spans="1:8" s="253" customFormat="1" ht="51.75" customHeight="1" x14ac:dyDescent="0.2">
      <c r="A89" s="931" t="s">
        <v>197</v>
      </c>
      <c r="B89" s="91" t="s">
        <v>157</v>
      </c>
      <c r="C89" s="91" t="s">
        <v>157</v>
      </c>
      <c r="D89" s="929" t="s">
        <v>158</v>
      </c>
      <c r="E89" s="940"/>
      <c r="F89" s="929" t="s">
        <v>159</v>
      </c>
      <c r="G89" s="940"/>
      <c r="H89" s="998" t="s">
        <v>791</v>
      </c>
    </row>
    <row r="90" spans="1:8" s="253" customFormat="1" ht="15" customHeight="1" x14ac:dyDescent="0.2">
      <c r="A90" s="932"/>
      <c r="B90" s="92" t="s">
        <v>111</v>
      </c>
      <c r="C90" s="92" t="s">
        <v>112</v>
      </c>
      <c r="D90" s="91" t="s">
        <v>115</v>
      </c>
      <c r="E90" s="250" t="s">
        <v>114</v>
      </c>
      <c r="F90" s="270" t="s">
        <v>115</v>
      </c>
      <c r="G90" s="250" t="s">
        <v>114</v>
      </c>
      <c r="H90" s="999"/>
    </row>
    <row r="91" spans="1:8" s="253" customFormat="1" ht="15" customHeight="1" x14ac:dyDescent="0.2">
      <c r="A91" s="933"/>
      <c r="B91" s="249"/>
      <c r="C91" s="248" t="s">
        <v>162</v>
      </c>
      <c r="D91" s="248" t="s">
        <v>163</v>
      </c>
      <c r="E91" s="251" t="s">
        <v>198</v>
      </c>
      <c r="F91" s="248" t="s">
        <v>164</v>
      </c>
      <c r="G91" s="251" t="s">
        <v>455</v>
      </c>
      <c r="H91" s="272" t="s">
        <v>353</v>
      </c>
    </row>
    <row r="92" spans="1:8" s="253" customFormat="1" ht="10.5" x14ac:dyDescent="0.2">
      <c r="A92" s="269" t="s">
        <v>490</v>
      </c>
      <c r="B92" s="486">
        <v>921164000</v>
      </c>
      <c r="C92" s="615">
        <v>921164000</v>
      </c>
      <c r="D92" s="615">
        <v>378167721.73000002</v>
      </c>
      <c r="E92" s="489">
        <v>41.05324586392868</v>
      </c>
      <c r="F92" s="615">
        <v>334649422.13</v>
      </c>
      <c r="G92" s="611">
        <v>36.328973139419254</v>
      </c>
      <c r="H92" s="618">
        <v>0</v>
      </c>
    </row>
    <row r="93" spans="1:8" s="20" customFormat="1" ht="10.5" x14ac:dyDescent="0.2">
      <c r="A93" s="292" t="s">
        <v>491</v>
      </c>
      <c r="B93" s="488">
        <v>552698400</v>
      </c>
      <c r="C93" s="641">
        <v>552698400</v>
      </c>
      <c r="D93" s="641">
        <v>226900633.03800002</v>
      </c>
      <c r="E93" s="490">
        <v>41.05324586392868</v>
      </c>
      <c r="F93" s="641">
        <v>200789653.278</v>
      </c>
      <c r="G93" s="490">
        <v>36.328973139419254</v>
      </c>
      <c r="H93" s="619">
        <v>0</v>
      </c>
    </row>
    <row r="94" spans="1:8" s="20" customFormat="1" ht="10.5" x14ac:dyDescent="0.2">
      <c r="A94" s="292" t="s">
        <v>492</v>
      </c>
      <c r="B94" s="488">
        <v>368465600</v>
      </c>
      <c r="C94" s="641">
        <v>368465600</v>
      </c>
      <c r="D94" s="641">
        <v>151267088.692</v>
      </c>
      <c r="E94" s="490">
        <v>41.05324586392868</v>
      </c>
      <c r="F94" s="641">
        <v>133859768.852</v>
      </c>
      <c r="G94" s="490">
        <v>36.328973139419254</v>
      </c>
      <c r="H94" s="619">
        <v>0</v>
      </c>
    </row>
    <row r="95" spans="1:8" s="253" customFormat="1" ht="10.5" x14ac:dyDescent="0.2">
      <c r="A95" s="300" t="s">
        <v>493</v>
      </c>
      <c r="B95" s="487">
        <v>6600000</v>
      </c>
      <c r="C95" s="616">
        <v>6600000</v>
      </c>
      <c r="D95" s="616">
        <v>234658.38</v>
      </c>
      <c r="E95" s="489">
        <v>3.5554300000000003</v>
      </c>
      <c r="F95" s="616">
        <v>58664.59</v>
      </c>
      <c r="G95" s="489">
        <v>0.8888574242424242</v>
      </c>
      <c r="H95" s="619">
        <v>0</v>
      </c>
    </row>
    <row r="96" spans="1:8" s="20" customFormat="1" ht="10.5" x14ac:dyDescent="0.2">
      <c r="A96" s="292" t="s">
        <v>494</v>
      </c>
      <c r="B96" s="488">
        <v>6600000</v>
      </c>
      <c r="C96" s="641">
        <v>6600000</v>
      </c>
      <c r="D96" s="641">
        <v>234658.38</v>
      </c>
      <c r="E96" s="490">
        <v>3.5554300000000003</v>
      </c>
      <c r="F96" s="641">
        <v>58664.59</v>
      </c>
      <c r="G96" s="490">
        <v>0.8888574242424242</v>
      </c>
      <c r="H96" s="619">
        <v>0</v>
      </c>
    </row>
    <row r="97" spans="1:8" s="20" customFormat="1" ht="10.5" x14ac:dyDescent="0.2">
      <c r="A97" s="298" t="s">
        <v>495</v>
      </c>
      <c r="B97" s="491">
        <v>0</v>
      </c>
      <c r="C97" s="617">
        <v>0</v>
      </c>
      <c r="D97" s="617">
        <v>0</v>
      </c>
      <c r="E97" s="492">
        <v>0</v>
      </c>
      <c r="F97" s="617">
        <v>0</v>
      </c>
      <c r="G97" s="493">
        <v>0</v>
      </c>
      <c r="H97" s="620">
        <v>0</v>
      </c>
    </row>
    <row r="98" spans="1:8" s="253" customFormat="1" ht="15" customHeight="1" x14ac:dyDescent="0.2">
      <c r="A98" s="266" t="s">
        <v>496</v>
      </c>
      <c r="B98" s="400">
        <v>927764000</v>
      </c>
      <c r="C98" s="400">
        <v>927764000</v>
      </c>
      <c r="D98" s="400">
        <v>378402380.11000001</v>
      </c>
      <c r="E98" s="612">
        <v>40.786490972919836</v>
      </c>
      <c r="F98" s="400">
        <v>334708086.71999997</v>
      </c>
      <c r="G98" s="494">
        <v>36.076856476431502</v>
      </c>
      <c r="H98" s="495">
        <v>0</v>
      </c>
    </row>
    <row r="99" spans="1:8" s="20" customFormat="1" ht="15" customHeight="1" x14ac:dyDescent="0.2">
      <c r="A99" s="940" t="s">
        <v>437</v>
      </c>
      <c r="B99" s="940"/>
      <c r="C99" s="940"/>
      <c r="D99" s="940"/>
      <c r="E99" s="940"/>
      <c r="F99" s="940"/>
      <c r="G99" s="940"/>
      <c r="H99" s="940"/>
    </row>
    <row r="100" spans="1:8" s="253" customFormat="1" ht="10.5" x14ac:dyDescent="0.2">
      <c r="A100" s="979" t="s">
        <v>497</v>
      </c>
      <c r="B100" s="979"/>
      <c r="C100" s="979"/>
      <c r="D100" s="979"/>
      <c r="E100" s="979"/>
      <c r="F100" s="980"/>
      <c r="G100" s="964">
        <v>0</v>
      </c>
      <c r="H100" s="965"/>
    </row>
    <row r="101" spans="1:8" s="20" customFormat="1" ht="10.5" x14ac:dyDescent="0.2">
      <c r="A101" s="969" t="s">
        <v>498</v>
      </c>
      <c r="B101" s="969"/>
      <c r="C101" s="969"/>
      <c r="D101" s="969"/>
      <c r="E101" s="969"/>
      <c r="F101" s="970"/>
      <c r="G101" s="941">
        <v>0</v>
      </c>
      <c r="H101" s="966"/>
    </row>
    <row r="102" spans="1:8" s="20" customFormat="1" ht="10.5" x14ac:dyDescent="0.2">
      <c r="A102" s="969" t="s">
        <v>499</v>
      </c>
      <c r="B102" s="969"/>
      <c r="C102" s="969"/>
      <c r="D102" s="969"/>
      <c r="E102" s="969"/>
      <c r="F102" s="970"/>
      <c r="G102" s="941">
        <v>0</v>
      </c>
      <c r="H102" s="966"/>
    </row>
    <row r="103" spans="1:8" s="253" customFormat="1" ht="12.75" customHeight="1" x14ac:dyDescent="0.2">
      <c r="A103" s="950" t="s">
        <v>500</v>
      </c>
      <c r="B103" s="950"/>
      <c r="C103" s="950"/>
      <c r="D103" s="950"/>
      <c r="E103" s="950"/>
      <c r="F103" s="997"/>
      <c r="G103" s="941">
        <v>0</v>
      </c>
      <c r="H103" s="966"/>
    </row>
    <row r="104" spans="1:8" s="20" customFormat="1" ht="13.5" customHeight="1" x14ac:dyDescent="0.2">
      <c r="A104" s="969" t="s">
        <v>501</v>
      </c>
      <c r="B104" s="969"/>
      <c r="C104" s="969"/>
      <c r="D104" s="969"/>
      <c r="E104" s="969"/>
      <c r="F104" s="970"/>
      <c r="G104" s="941">
        <v>0</v>
      </c>
      <c r="H104" s="966"/>
    </row>
    <row r="105" spans="1:8" s="20" customFormat="1" ht="10.5" x14ac:dyDescent="0.2">
      <c r="A105" s="1038" t="s">
        <v>502</v>
      </c>
      <c r="B105" s="1038"/>
      <c r="C105" s="1038"/>
      <c r="D105" s="1038"/>
      <c r="E105" s="1038"/>
      <c r="F105" s="1039"/>
      <c r="G105" s="1052">
        <v>0</v>
      </c>
      <c r="H105" s="1053"/>
    </row>
    <row r="106" spans="1:8" s="253" customFormat="1" ht="15" customHeight="1" x14ac:dyDescent="0.2">
      <c r="A106" s="967" t="s">
        <v>503</v>
      </c>
      <c r="B106" s="967"/>
      <c r="C106" s="967"/>
      <c r="D106" s="967"/>
      <c r="E106" s="967"/>
      <c r="F106" s="968"/>
      <c r="G106" s="981">
        <v>0</v>
      </c>
      <c r="H106" s="982"/>
    </row>
    <row r="107" spans="1:8" s="253" customFormat="1" ht="15" customHeight="1" x14ac:dyDescent="0.2">
      <c r="A107" s="967" t="s">
        <v>438</v>
      </c>
      <c r="B107" s="967"/>
      <c r="C107" s="967"/>
      <c r="D107" s="967"/>
      <c r="E107" s="967"/>
      <c r="F107" s="968"/>
      <c r="G107" s="929" t="s">
        <v>209</v>
      </c>
      <c r="H107" s="940"/>
    </row>
    <row r="108" spans="1:8" s="253" customFormat="1" ht="12.75" customHeight="1" x14ac:dyDescent="0.2">
      <c r="A108" s="1031" t="s">
        <v>504</v>
      </c>
      <c r="B108" s="1031"/>
      <c r="C108" s="1031"/>
      <c r="D108" s="1031"/>
      <c r="E108" s="1031"/>
      <c r="F108" s="1032"/>
      <c r="G108" s="964">
        <v>334708086.71999997</v>
      </c>
      <c r="H108" s="983" t="e">
        <v>#DIV/0!</v>
      </c>
    </row>
    <row r="109" spans="1:8" s="20" customFormat="1" ht="16.5" customHeight="1" x14ac:dyDescent="0.2">
      <c r="A109" s="986" t="s">
        <v>642</v>
      </c>
      <c r="B109" s="986"/>
      <c r="C109" s="986"/>
      <c r="D109" s="986"/>
      <c r="E109" s="986"/>
      <c r="F109" s="987"/>
      <c r="G109" s="971">
        <v>112.7329593479496</v>
      </c>
      <c r="H109" s="972"/>
    </row>
    <row r="110" spans="1:8" s="20" customFormat="1" ht="10.5" x14ac:dyDescent="0.2">
      <c r="A110" s="986" t="s">
        <v>505</v>
      </c>
      <c r="B110" s="986"/>
      <c r="C110" s="986"/>
      <c r="D110" s="986"/>
      <c r="E110" s="986"/>
      <c r="F110" s="987"/>
      <c r="G110" s="971">
        <v>1.9762271805343311E-2</v>
      </c>
      <c r="H110" s="972" t="e">
        <v>#DIV/0!</v>
      </c>
    </row>
    <row r="111" spans="1:8" s="20" customFormat="1" ht="15" customHeight="1" x14ac:dyDescent="0.2">
      <c r="A111" s="984" t="s">
        <v>506</v>
      </c>
      <c r="B111" s="984"/>
      <c r="C111" s="984"/>
      <c r="D111" s="984"/>
      <c r="E111" s="984"/>
      <c r="F111" s="985"/>
      <c r="G111" s="973">
        <v>-12.752721619754951</v>
      </c>
      <c r="H111" s="974"/>
    </row>
    <row r="112" spans="1:8" s="253" customFormat="1" ht="15" customHeight="1" x14ac:dyDescent="0.2">
      <c r="A112" s="940" t="s">
        <v>342</v>
      </c>
      <c r="B112" s="940"/>
      <c r="C112" s="940"/>
      <c r="D112" s="940"/>
      <c r="E112" s="940"/>
      <c r="F112" s="930"/>
      <c r="G112" s="929" t="s">
        <v>209</v>
      </c>
      <c r="H112" s="940"/>
    </row>
    <row r="113" spans="1:9" s="253" customFormat="1" ht="15" customHeight="1" x14ac:dyDescent="0.2">
      <c r="A113" s="962" t="s">
        <v>825</v>
      </c>
      <c r="B113" s="962"/>
      <c r="C113" s="962"/>
      <c r="D113" s="962"/>
      <c r="E113" s="962"/>
      <c r="F113" s="963"/>
      <c r="G113" s="975">
        <v>0</v>
      </c>
      <c r="H113" s="976"/>
    </row>
    <row r="114" spans="1:9" s="253" customFormat="1" ht="17.25" customHeight="1" x14ac:dyDescent="0.2">
      <c r="A114" s="1017" t="s">
        <v>826</v>
      </c>
      <c r="B114" s="1017"/>
      <c r="C114" s="1017"/>
      <c r="D114" s="1017"/>
      <c r="E114" s="1017"/>
      <c r="F114" s="1018"/>
      <c r="G114" s="977">
        <v>0</v>
      </c>
      <c r="H114" s="978"/>
    </row>
    <row r="115" spans="1:9" s="20" customFormat="1" ht="15" customHeight="1" x14ac:dyDescent="0.2">
      <c r="A115" s="940" t="s">
        <v>341</v>
      </c>
      <c r="B115" s="940"/>
      <c r="C115" s="940"/>
      <c r="D115" s="940"/>
      <c r="E115" s="940"/>
      <c r="F115" s="940"/>
      <c r="G115" s="940"/>
      <c r="H115" s="940"/>
    </row>
    <row r="116" spans="1:9" s="253" customFormat="1" ht="15" customHeight="1" x14ac:dyDescent="0.2">
      <c r="A116" s="931" t="s">
        <v>343</v>
      </c>
      <c r="B116" s="923" t="s">
        <v>108</v>
      </c>
      <c r="C116" s="961"/>
      <c r="D116" s="923" t="s">
        <v>108</v>
      </c>
      <c r="E116" s="961"/>
      <c r="F116" s="929" t="s">
        <v>109</v>
      </c>
      <c r="G116" s="940"/>
      <c r="H116" s="940"/>
    </row>
    <row r="117" spans="1:9" s="253" customFormat="1" ht="15" customHeight="1" x14ac:dyDescent="0.2">
      <c r="A117" s="932"/>
      <c r="B117" s="924" t="s">
        <v>111</v>
      </c>
      <c r="C117" s="957"/>
      <c r="D117" s="924" t="s">
        <v>112</v>
      </c>
      <c r="E117" s="957"/>
      <c r="F117" s="923" t="s">
        <v>115</v>
      </c>
      <c r="G117" s="961"/>
      <c r="H117" s="250" t="s">
        <v>114</v>
      </c>
    </row>
    <row r="118" spans="1:9" s="253" customFormat="1" ht="15" customHeight="1" x14ac:dyDescent="0.2">
      <c r="A118" s="933"/>
      <c r="B118" s="925"/>
      <c r="C118" s="958"/>
      <c r="D118" s="925" t="s">
        <v>116</v>
      </c>
      <c r="E118" s="958"/>
      <c r="F118" s="925" t="s">
        <v>117</v>
      </c>
      <c r="G118" s="958"/>
      <c r="H118" s="251" t="s">
        <v>188</v>
      </c>
    </row>
    <row r="119" spans="1:9" s="253" customFormat="1" ht="15" customHeight="1" x14ac:dyDescent="0.2">
      <c r="A119" s="281" t="s">
        <v>792</v>
      </c>
      <c r="B119" s="959">
        <v>1773576312.5</v>
      </c>
      <c r="C119" s="960"/>
      <c r="D119" s="959">
        <v>1773576312.5</v>
      </c>
      <c r="E119" s="960"/>
      <c r="F119" s="959">
        <v>608861095.63812518</v>
      </c>
      <c r="G119" s="960"/>
      <c r="H119" s="496">
        <v>34.32956853037161</v>
      </c>
    </row>
    <row r="120" spans="1:9" s="253" customFormat="1" ht="50.1" customHeight="1" x14ac:dyDescent="0.2">
      <c r="A120" s="931" t="s">
        <v>344</v>
      </c>
      <c r="B120" s="91" t="s">
        <v>157</v>
      </c>
      <c r="C120" s="91" t="s">
        <v>157</v>
      </c>
      <c r="D120" s="929" t="s">
        <v>158</v>
      </c>
      <c r="E120" s="940"/>
      <c r="F120" s="929" t="s">
        <v>159</v>
      </c>
      <c r="G120" s="940"/>
      <c r="H120" s="278" t="s">
        <v>791</v>
      </c>
    </row>
    <row r="121" spans="1:9" customFormat="1" ht="15" customHeight="1" x14ac:dyDescent="0.2">
      <c r="A121" s="932"/>
      <c r="B121" s="92" t="s">
        <v>111</v>
      </c>
      <c r="C121" s="92" t="s">
        <v>112</v>
      </c>
      <c r="D121" s="91" t="s">
        <v>115</v>
      </c>
      <c r="E121" s="250" t="s">
        <v>114</v>
      </c>
      <c r="F121" s="91" t="s">
        <v>115</v>
      </c>
      <c r="G121" s="250" t="s">
        <v>114</v>
      </c>
      <c r="H121" s="279"/>
      <c r="I121" s="253"/>
    </row>
    <row r="122" spans="1:9" s="253" customFormat="1" ht="15" customHeight="1" x14ac:dyDescent="0.2">
      <c r="A122" s="933"/>
      <c r="B122" s="249"/>
      <c r="C122" s="248" t="s">
        <v>162</v>
      </c>
      <c r="D122" s="248" t="s">
        <v>163</v>
      </c>
      <c r="E122" s="251" t="s">
        <v>198</v>
      </c>
      <c r="F122" s="248" t="s">
        <v>164</v>
      </c>
      <c r="G122" s="251" t="s">
        <v>455</v>
      </c>
      <c r="H122" s="271" t="s">
        <v>353</v>
      </c>
    </row>
    <row r="123" spans="1:9" s="253" customFormat="1" ht="10.5" x14ac:dyDescent="0.2">
      <c r="A123" s="269" t="s">
        <v>507</v>
      </c>
      <c r="B123" s="398">
        <v>140400</v>
      </c>
      <c r="C123" s="602">
        <v>140400</v>
      </c>
      <c r="D123" s="621">
        <v>0</v>
      </c>
      <c r="E123" s="624">
        <v>0</v>
      </c>
      <c r="F123" s="602">
        <v>0</v>
      </c>
      <c r="G123" s="621">
        <v>0</v>
      </c>
      <c r="H123" s="485">
        <v>0</v>
      </c>
    </row>
    <row r="124" spans="1:9" s="20" customFormat="1" ht="10.5" x14ac:dyDescent="0.2">
      <c r="A124" s="292" t="s">
        <v>508</v>
      </c>
      <c r="B124" s="445">
        <v>140400</v>
      </c>
      <c r="C124" s="636">
        <v>140400</v>
      </c>
      <c r="D124" s="498">
        <v>0</v>
      </c>
      <c r="E124" s="624">
        <v>0</v>
      </c>
      <c r="F124" s="602"/>
      <c r="G124" s="498">
        <v>0</v>
      </c>
      <c r="H124" s="578">
        <v>0</v>
      </c>
    </row>
    <row r="125" spans="1:9" customFormat="1" ht="12.75" x14ac:dyDescent="0.2">
      <c r="A125" s="292" t="s">
        <v>509</v>
      </c>
      <c r="B125" s="445"/>
      <c r="C125" s="602"/>
      <c r="D125" s="498"/>
      <c r="E125" s="624"/>
      <c r="F125" s="602"/>
      <c r="G125" s="498"/>
      <c r="H125" s="578">
        <v>0</v>
      </c>
      <c r="I125" s="20"/>
    </row>
    <row r="126" spans="1:9" s="253" customFormat="1" ht="10.5" x14ac:dyDescent="0.2">
      <c r="A126" s="300" t="s">
        <v>510</v>
      </c>
      <c r="B126" s="489">
        <v>571144100</v>
      </c>
      <c r="C126" s="602">
        <v>571144100</v>
      </c>
      <c r="D126" s="498">
        <v>239921285.15800002</v>
      </c>
      <c r="E126" s="489">
        <v>42.007137105679639</v>
      </c>
      <c r="F126" s="602">
        <v>201848976.69800001</v>
      </c>
      <c r="G126" s="440">
        <v>35.341164637435632</v>
      </c>
      <c r="H126" s="578">
        <v>0</v>
      </c>
    </row>
    <row r="127" spans="1:9" s="20" customFormat="1" ht="10.5" x14ac:dyDescent="0.2">
      <c r="A127" s="292" t="s">
        <v>511</v>
      </c>
      <c r="B127" s="445">
        <v>559298400</v>
      </c>
      <c r="C127" s="636">
        <v>559298400</v>
      </c>
      <c r="D127" s="642">
        <v>227135291.41800001</v>
      </c>
      <c r="E127" s="603">
        <v>40.610752939396932</v>
      </c>
      <c r="F127" s="631">
        <v>200848317.868</v>
      </c>
      <c r="G127" s="622">
        <v>35.910762102662908</v>
      </c>
      <c r="H127" s="578">
        <v>0</v>
      </c>
    </row>
    <row r="128" spans="1:9" s="20" customFormat="1" ht="10.5" x14ac:dyDescent="0.2">
      <c r="A128" s="292" t="s">
        <v>512</v>
      </c>
      <c r="B128" s="445">
        <v>11845700</v>
      </c>
      <c r="C128" s="636">
        <v>11845700</v>
      </c>
      <c r="D128" s="642">
        <v>12785993.74</v>
      </c>
      <c r="E128" s="603">
        <v>107.9378486708257</v>
      </c>
      <c r="F128" s="631">
        <v>1000658.83</v>
      </c>
      <c r="G128" s="622">
        <v>8.4474436293338506</v>
      </c>
      <c r="H128" s="578">
        <v>0</v>
      </c>
    </row>
    <row r="129" spans="1:9" s="253" customFormat="1" ht="10.5" x14ac:dyDescent="0.2">
      <c r="A129" s="300" t="s">
        <v>513</v>
      </c>
      <c r="B129" s="399">
        <v>396382800</v>
      </c>
      <c r="C129" s="602">
        <v>396382800</v>
      </c>
      <c r="D129" s="498">
        <v>157885481.502</v>
      </c>
      <c r="E129" s="446">
        <v>39.831567238033536</v>
      </c>
      <c r="F129" s="602">
        <v>133889768.852</v>
      </c>
      <c r="G129" s="440">
        <v>33.777895724032426</v>
      </c>
      <c r="H129" s="578">
        <v>0</v>
      </c>
    </row>
    <row r="130" spans="1:9" s="20" customFormat="1" ht="10.5" x14ac:dyDescent="0.2">
      <c r="A130" s="292" t="s">
        <v>514</v>
      </c>
      <c r="B130" s="445">
        <v>368465600</v>
      </c>
      <c r="C130" s="636">
        <v>368465600</v>
      </c>
      <c r="D130" s="642">
        <v>151267088.692</v>
      </c>
      <c r="E130" s="603">
        <v>41.05324586392868</v>
      </c>
      <c r="F130" s="631">
        <v>133859768.852</v>
      </c>
      <c r="G130" s="622">
        <v>36.328973139419254</v>
      </c>
      <c r="H130" s="578">
        <v>0</v>
      </c>
    </row>
    <row r="131" spans="1:9" s="20" customFormat="1" ht="10.5" x14ac:dyDescent="0.2">
      <c r="A131" s="292" t="s">
        <v>515</v>
      </c>
      <c r="B131" s="445">
        <v>27917200</v>
      </c>
      <c r="C131" s="636">
        <v>27917200</v>
      </c>
      <c r="D131" s="642">
        <v>6618392.8099999996</v>
      </c>
      <c r="E131" s="603">
        <v>23.707222823205765</v>
      </c>
      <c r="F131" s="631">
        <v>30000</v>
      </c>
      <c r="G131" s="498">
        <v>0.10746063358789562</v>
      </c>
      <c r="H131" s="578">
        <v>0</v>
      </c>
    </row>
    <row r="132" spans="1:9" s="253" customFormat="1" ht="10.5" x14ac:dyDescent="0.2">
      <c r="A132" s="300" t="s">
        <v>516</v>
      </c>
      <c r="B132" s="399">
        <v>18984800</v>
      </c>
      <c r="C132" s="602">
        <v>18984800</v>
      </c>
      <c r="D132" s="498">
        <v>8743008.6099999994</v>
      </c>
      <c r="E132" s="446">
        <v>46.052676931018496</v>
      </c>
      <c r="F132" s="632">
        <v>2265561.7199999997</v>
      </c>
      <c r="G132" s="440">
        <v>11.933555897349457</v>
      </c>
      <c r="H132" s="578">
        <v>0</v>
      </c>
    </row>
    <row r="133" spans="1:9" s="253" customFormat="1" ht="10.5" x14ac:dyDescent="0.2">
      <c r="A133" s="300" t="s">
        <v>517</v>
      </c>
      <c r="B133" s="399">
        <v>1775100</v>
      </c>
      <c r="C133" s="602">
        <v>1775100</v>
      </c>
      <c r="D133" s="498">
        <v>3315871.72</v>
      </c>
      <c r="E133" s="446">
        <v>186.79915047039603</v>
      </c>
      <c r="F133" s="602">
        <v>1976608.32</v>
      </c>
      <c r="G133" s="498">
        <v>111.35194186243029</v>
      </c>
      <c r="H133" s="578">
        <v>0</v>
      </c>
    </row>
    <row r="134" spans="1:9" s="253" customFormat="1" ht="10.5" x14ac:dyDescent="0.2">
      <c r="A134" s="294" t="s">
        <v>518</v>
      </c>
      <c r="B134" s="399">
        <v>532524200</v>
      </c>
      <c r="C134" s="602">
        <v>762191353.63999999</v>
      </c>
      <c r="D134" s="625">
        <v>509751779.44999999</v>
      </c>
      <c r="E134" s="446">
        <v>66.879764119020322</v>
      </c>
      <c r="F134" s="602">
        <v>429757878.94</v>
      </c>
      <c r="G134" s="623">
        <v>56.384512483328983</v>
      </c>
      <c r="H134" s="578">
        <v>0</v>
      </c>
    </row>
    <row r="135" spans="1:9" s="253" customFormat="1" ht="18" customHeight="1" x14ac:dyDescent="0.2">
      <c r="A135" s="266" t="s">
        <v>519</v>
      </c>
      <c r="B135" s="447">
        <v>1520951400</v>
      </c>
      <c r="C135" s="447">
        <v>1750618553.6399999</v>
      </c>
      <c r="D135" s="447">
        <v>919617426.44000006</v>
      </c>
      <c r="E135" s="449">
        <v>52.530999658827547</v>
      </c>
      <c r="F135" s="448">
        <v>769738794.52999997</v>
      </c>
      <c r="G135" s="378">
        <v>43.969532536343166</v>
      </c>
      <c r="H135" s="497">
        <v>0</v>
      </c>
      <c r="I135" s="512"/>
    </row>
    <row r="136" spans="1:9" s="253" customFormat="1" ht="10.5" x14ac:dyDescent="0.2">
      <c r="A136" s="934" t="s">
        <v>345</v>
      </c>
      <c r="B136" s="934"/>
      <c r="C136" s="934"/>
      <c r="D136" s="934"/>
      <c r="E136" s="934"/>
      <c r="F136" s="931"/>
      <c r="G136" s="923" t="s">
        <v>209</v>
      </c>
      <c r="H136" s="937"/>
    </row>
    <row r="137" spans="1:9" s="253" customFormat="1" ht="12.75" customHeight="1" x14ac:dyDescent="0.2">
      <c r="A137" s="935"/>
      <c r="B137" s="935"/>
      <c r="C137" s="935"/>
      <c r="D137" s="935"/>
      <c r="E137" s="935"/>
      <c r="F137" s="932"/>
      <c r="G137" s="924"/>
      <c r="H137" s="938"/>
    </row>
    <row r="138" spans="1:9" s="253" customFormat="1" ht="10.5" x14ac:dyDescent="0.2">
      <c r="A138" s="936"/>
      <c r="B138" s="936"/>
      <c r="C138" s="936"/>
      <c r="D138" s="936"/>
      <c r="E138" s="936"/>
      <c r="F138" s="933"/>
      <c r="G138" s="925"/>
      <c r="H138" s="939"/>
    </row>
    <row r="139" spans="1:9" s="20" customFormat="1" ht="10.5" x14ac:dyDescent="0.2">
      <c r="A139" s="950" t="s">
        <v>520</v>
      </c>
      <c r="B139" s="950"/>
      <c r="C139" s="950"/>
      <c r="D139" s="950"/>
      <c r="E139" s="280"/>
      <c r="F139" s="273"/>
      <c r="G139" s="955">
        <v>-156495190.56050003</v>
      </c>
      <c r="H139" s="956"/>
    </row>
    <row r="140" spans="1:9" s="20" customFormat="1" ht="10.5" x14ac:dyDescent="0.2">
      <c r="A140" s="950" t="s">
        <v>521</v>
      </c>
      <c r="B140" s="950"/>
      <c r="C140" s="950"/>
      <c r="D140" s="950"/>
      <c r="E140" s="7"/>
      <c r="F140" s="274"/>
      <c r="G140" s="901">
        <v>0</v>
      </c>
      <c r="H140" s="949"/>
    </row>
    <row r="141" spans="1:9" s="20" customFormat="1" ht="10.5" x14ac:dyDescent="0.2">
      <c r="A141" s="950" t="s">
        <v>522</v>
      </c>
      <c r="B141" s="950"/>
      <c r="C141" s="950"/>
      <c r="D141" s="950"/>
      <c r="E141" s="7"/>
      <c r="F141" s="274"/>
      <c r="G141" s="901">
        <v>1564589.5999999999</v>
      </c>
      <c r="H141" s="949"/>
    </row>
    <row r="142" spans="1:9" s="20" customFormat="1" ht="10.5" x14ac:dyDescent="0.2">
      <c r="A142" s="950" t="s">
        <v>523</v>
      </c>
      <c r="B142" s="950"/>
      <c r="C142" s="950"/>
      <c r="D142" s="950"/>
      <c r="E142" s="7"/>
      <c r="F142" s="274"/>
      <c r="G142" s="901">
        <v>0</v>
      </c>
      <c r="H142" s="949"/>
    </row>
    <row r="143" spans="1:9" s="20" customFormat="1" ht="10.5" x14ac:dyDescent="0.2">
      <c r="A143" s="950" t="s">
        <v>524</v>
      </c>
      <c r="B143" s="950"/>
      <c r="C143" s="950"/>
      <c r="D143" s="950"/>
      <c r="E143" s="7"/>
      <c r="F143" s="274"/>
      <c r="G143" s="807">
        <v>0</v>
      </c>
      <c r="H143" s="1006"/>
    </row>
    <row r="144" spans="1:9" s="20" customFormat="1" ht="10.5" x14ac:dyDescent="0.2">
      <c r="A144" s="950" t="s">
        <v>793</v>
      </c>
      <c r="B144" s="950"/>
      <c r="C144" s="950"/>
      <c r="D144" s="950"/>
      <c r="E144" s="7"/>
      <c r="F144" s="274"/>
      <c r="G144" s="807">
        <v>0</v>
      </c>
      <c r="H144" s="1007"/>
    </row>
    <row r="145" spans="1:9" s="20" customFormat="1" ht="12.75" customHeight="1" x14ac:dyDescent="0.2">
      <c r="A145" s="1021" t="s">
        <v>542</v>
      </c>
      <c r="B145" s="1021"/>
      <c r="C145" s="1021"/>
      <c r="D145" s="1021"/>
      <c r="E145" s="1021"/>
      <c r="F145" s="1022"/>
      <c r="G145" s="1001">
        <v>999703.6</v>
      </c>
      <c r="H145" s="1002"/>
    </row>
    <row r="146" spans="1:9" s="20" customFormat="1" ht="10.5" x14ac:dyDescent="0.2">
      <c r="A146" s="1010" t="s">
        <v>794</v>
      </c>
      <c r="B146" s="1010"/>
      <c r="C146" s="1010"/>
      <c r="D146" s="1010"/>
      <c r="E146" s="301"/>
      <c r="F146" s="313"/>
      <c r="G146" s="995">
        <v>-153930897.36050004</v>
      </c>
      <c r="H146" s="1003"/>
    </row>
    <row r="147" spans="1:9" s="20" customFormat="1" ht="10.5" x14ac:dyDescent="0.2">
      <c r="A147" s="1010" t="s">
        <v>795</v>
      </c>
      <c r="B147" s="1010"/>
      <c r="C147" s="1010"/>
      <c r="D147" s="1010"/>
      <c r="E147" s="301"/>
      <c r="F147" s="313"/>
      <c r="G147" s="995">
        <v>923669691.89050007</v>
      </c>
      <c r="H147" s="1003"/>
      <c r="I147" s="513"/>
    </row>
    <row r="148" spans="1:9" s="20" customFormat="1" ht="8.25" customHeight="1" x14ac:dyDescent="0.2">
      <c r="A148" s="302"/>
      <c r="B148" s="282"/>
      <c r="C148" s="282"/>
      <c r="D148" s="282"/>
      <c r="E148" s="277"/>
      <c r="F148" s="277"/>
      <c r="G148" s="104"/>
      <c r="H148" s="104"/>
    </row>
    <row r="149" spans="1:9" s="20" customFormat="1" ht="15" customHeight="1" x14ac:dyDescent="0.2">
      <c r="A149" s="265" t="s">
        <v>796</v>
      </c>
      <c r="B149" s="265"/>
      <c r="C149" s="265"/>
      <c r="D149" s="265"/>
      <c r="E149" s="301"/>
      <c r="F149" s="313"/>
      <c r="G149" s="1004">
        <v>37.926125454051032</v>
      </c>
      <c r="H149" s="1005"/>
    </row>
    <row r="150" spans="1:9" s="20" customFormat="1" ht="6.75" customHeight="1" x14ac:dyDescent="0.2">
      <c r="A150" s="125"/>
      <c r="B150" s="125"/>
      <c r="C150" s="125"/>
      <c r="D150" s="125"/>
      <c r="E150" s="49"/>
      <c r="F150" s="49"/>
      <c r="G150" s="99"/>
      <c r="H150" s="104"/>
    </row>
    <row r="151" spans="1:9" s="20" customFormat="1" ht="15" customHeight="1" x14ac:dyDescent="0.2">
      <c r="A151" s="939" t="s">
        <v>347</v>
      </c>
      <c r="B151" s="939"/>
      <c r="C151" s="939"/>
      <c r="D151" s="939"/>
      <c r="E151" s="939"/>
      <c r="F151" s="939"/>
      <c r="G151" s="939"/>
      <c r="H151" s="939"/>
    </row>
    <row r="152" spans="1:9" s="253" customFormat="1" ht="45.75" customHeight="1" x14ac:dyDescent="0.2">
      <c r="A152" s="931" t="s">
        <v>346</v>
      </c>
      <c r="B152" s="91" t="s">
        <v>157</v>
      </c>
      <c r="C152" s="91" t="s">
        <v>157</v>
      </c>
      <c r="D152" s="929" t="s">
        <v>158</v>
      </c>
      <c r="E152" s="940"/>
      <c r="F152" s="929" t="s">
        <v>159</v>
      </c>
      <c r="G152" s="940"/>
      <c r="H152" s="579" t="s">
        <v>791</v>
      </c>
    </row>
    <row r="153" spans="1:9" s="253" customFormat="1" ht="21" customHeight="1" x14ac:dyDescent="0.2">
      <c r="A153" s="932"/>
      <c r="B153" s="92" t="s">
        <v>111</v>
      </c>
      <c r="C153" s="92" t="s">
        <v>112</v>
      </c>
      <c r="D153" s="91" t="s">
        <v>115</v>
      </c>
      <c r="E153" s="250" t="s">
        <v>114</v>
      </c>
      <c r="F153" s="91" t="s">
        <v>115</v>
      </c>
      <c r="G153" s="250" t="s">
        <v>114</v>
      </c>
      <c r="H153" s="1008" t="s">
        <v>353</v>
      </c>
    </row>
    <row r="154" spans="1:9" s="253" customFormat="1" ht="16.5" customHeight="1" x14ac:dyDescent="0.2">
      <c r="A154" s="933"/>
      <c r="B154" s="249"/>
      <c r="C154" s="248" t="s">
        <v>162</v>
      </c>
      <c r="D154" s="248" t="s">
        <v>163</v>
      </c>
      <c r="E154" s="251" t="s">
        <v>198</v>
      </c>
      <c r="F154" s="248" t="s">
        <v>164</v>
      </c>
      <c r="G154" s="251" t="s">
        <v>455</v>
      </c>
      <c r="H154" s="1009"/>
    </row>
    <row r="155" spans="1:9" s="253" customFormat="1" ht="21" x14ac:dyDescent="0.2">
      <c r="A155" s="300" t="s">
        <v>797</v>
      </c>
      <c r="B155" s="437">
        <v>0</v>
      </c>
      <c r="C155" s="437">
        <v>0</v>
      </c>
      <c r="D155" s="437">
        <v>0</v>
      </c>
      <c r="E155" s="437">
        <v>0</v>
      </c>
      <c r="F155" s="450">
        <v>0</v>
      </c>
      <c r="G155" s="451">
        <v>0</v>
      </c>
      <c r="H155" s="443">
        <v>0</v>
      </c>
    </row>
    <row r="156" spans="1:9" s="253" customFormat="1" ht="12.75" customHeight="1" x14ac:dyDescent="0.2">
      <c r="A156" s="300" t="s">
        <v>798</v>
      </c>
      <c r="B156" s="437">
        <v>47811000</v>
      </c>
      <c r="C156" s="437">
        <v>47811000</v>
      </c>
      <c r="D156" s="437">
        <v>9492272.3000000007</v>
      </c>
      <c r="E156" s="437">
        <v>19.853741398422958</v>
      </c>
      <c r="F156" s="437">
        <v>7503183.5800000001</v>
      </c>
      <c r="G156" s="452">
        <v>15.693425320532933</v>
      </c>
      <c r="H156" s="439">
        <v>0</v>
      </c>
    </row>
    <row r="157" spans="1:9" s="253" customFormat="1" ht="12.75" customHeight="1" x14ac:dyDescent="0.2">
      <c r="A157" s="300" t="s">
        <v>799</v>
      </c>
      <c r="B157" s="437">
        <v>200000</v>
      </c>
      <c r="C157" s="437">
        <v>15671000</v>
      </c>
      <c r="D157" s="437">
        <v>13023964.960000001</v>
      </c>
      <c r="E157" s="437">
        <v>0</v>
      </c>
      <c r="F157" s="437">
        <v>2884111.3</v>
      </c>
      <c r="G157" s="452">
        <v>0</v>
      </c>
      <c r="H157" s="439">
        <v>0</v>
      </c>
    </row>
    <row r="158" spans="1:9" s="253" customFormat="1" ht="13.5" customHeight="1" x14ac:dyDescent="0.2">
      <c r="A158" s="294" t="s">
        <v>800</v>
      </c>
      <c r="B158" s="441">
        <v>161952800</v>
      </c>
      <c r="C158" s="441">
        <v>161965800</v>
      </c>
      <c r="D158" s="441">
        <v>36215982.420000002</v>
      </c>
      <c r="E158" s="441">
        <v>22.36026520413569</v>
      </c>
      <c r="F158" s="441">
        <v>12857705.99</v>
      </c>
      <c r="G158" s="453">
        <v>7.9385314615801601</v>
      </c>
      <c r="H158" s="454"/>
    </row>
    <row r="159" spans="1:9" s="253" customFormat="1" ht="26.25" customHeight="1" x14ac:dyDescent="0.2">
      <c r="A159" s="266" t="s">
        <v>801</v>
      </c>
      <c r="B159" s="455">
        <v>209963800</v>
      </c>
      <c r="C159" s="456">
        <v>225447800</v>
      </c>
      <c r="D159" s="456">
        <v>58732219.680000007</v>
      </c>
      <c r="E159" s="456">
        <v>26.051360749583719</v>
      </c>
      <c r="F159" s="456">
        <v>23245000.869999997</v>
      </c>
      <c r="G159" s="455">
        <v>10.310591130186232</v>
      </c>
      <c r="H159" s="457">
        <v>0</v>
      </c>
    </row>
    <row r="160" spans="1:9" s="253" customFormat="1" ht="15.75" customHeight="1" x14ac:dyDescent="0.2">
      <c r="A160" s="266" t="s">
        <v>623</v>
      </c>
      <c r="B160" s="458">
        <v>1730915200</v>
      </c>
      <c r="C160" s="458">
        <v>1976066353.6399999</v>
      </c>
      <c r="D160" s="458">
        <v>978349646.12000012</v>
      </c>
      <c r="E160" s="456">
        <v>49.509959233799897</v>
      </c>
      <c r="F160" s="378">
        <v>792983795.39999998</v>
      </c>
      <c r="G160" s="455">
        <v>40.129411339821132</v>
      </c>
      <c r="H160" s="457">
        <v>0</v>
      </c>
    </row>
    <row r="161" spans="1:9" s="253" customFormat="1" ht="12.75" customHeight="1" x14ac:dyDescent="0.2">
      <c r="A161" s="934" t="s">
        <v>199</v>
      </c>
      <c r="B161" s="934"/>
      <c r="C161" s="923" t="s">
        <v>200</v>
      </c>
      <c r="D161" s="937"/>
      <c r="E161" s="937"/>
      <c r="F161" s="1033" t="s">
        <v>816</v>
      </c>
      <c r="G161" s="934"/>
      <c r="H161" s="934"/>
    </row>
    <row r="162" spans="1:9" s="253" customFormat="1" ht="10.5" x14ac:dyDescent="0.2">
      <c r="A162" s="935"/>
      <c r="B162" s="935"/>
      <c r="C162" s="924"/>
      <c r="D162" s="938"/>
      <c r="E162" s="938"/>
      <c r="F162" s="1034"/>
      <c r="G162" s="935"/>
      <c r="H162" s="935"/>
    </row>
    <row r="163" spans="1:9" s="253" customFormat="1" ht="10.5" x14ac:dyDescent="0.2">
      <c r="A163" s="936"/>
      <c r="B163" s="936"/>
      <c r="C163" s="925"/>
      <c r="D163" s="939"/>
      <c r="E163" s="939"/>
      <c r="F163" s="1035"/>
      <c r="G163" s="936"/>
      <c r="H163" s="936"/>
    </row>
    <row r="164" spans="1:9" s="253" customFormat="1" ht="15.75" customHeight="1" x14ac:dyDescent="0.2">
      <c r="A164" s="1031" t="s">
        <v>525</v>
      </c>
      <c r="B164" s="1031"/>
      <c r="C164" s="1011">
        <v>26844778.739999998</v>
      </c>
      <c r="D164" s="1012"/>
      <c r="E164" s="1013"/>
      <c r="F164" s="1011">
        <v>999703.6</v>
      </c>
      <c r="G164" s="1012"/>
      <c r="H164" s="1012"/>
      <c r="I164" s="512"/>
    </row>
    <row r="165" spans="1:9" s="20" customFormat="1" ht="10.5" x14ac:dyDescent="0.2">
      <c r="A165" s="1030" t="s">
        <v>526</v>
      </c>
      <c r="B165" s="1030"/>
      <c r="C165" s="775">
        <v>26844778.739999998</v>
      </c>
      <c r="D165" s="893"/>
      <c r="E165" s="776"/>
      <c r="F165" s="775">
        <v>999703.6</v>
      </c>
      <c r="G165" s="893"/>
      <c r="H165" s="893"/>
    </row>
    <row r="166" spans="1:9" s="20" customFormat="1" ht="10.5" x14ac:dyDescent="0.2">
      <c r="A166" s="1000" t="s">
        <v>527</v>
      </c>
      <c r="B166" s="1000"/>
      <c r="C166" s="1014">
        <v>0</v>
      </c>
      <c r="D166" s="1015"/>
      <c r="E166" s="1016"/>
      <c r="F166" s="1014">
        <v>0</v>
      </c>
      <c r="G166" s="1015"/>
      <c r="H166" s="1015"/>
    </row>
    <row r="167" spans="1:9" s="20" customFormat="1" ht="10.5" x14ac:dyDescent="0.2">
      <c r="A167" s="314"/>
      <c r="B167" s="94"/>
      <c r="C167" s="94"/>
      <c r="D167" s="103"/>
      <c r="E167" s="103"/>
      <c r="F167" s="103"/>
      <c r="G167" s="103"/>
      <c r="H167" s="103"/>
    </row>
    <row r="168" spans="1:9" s="253" customFormat="1" ht="10.5" x14ac:dyDescent="0.2">
      <c r="A168" s="1028" t="s">
        <v>439</v>
      </c>
      <c r="B168" s="1028"/>
      <c r="C168" s="1028"/>
      <c r="D168" s="1028"/>
      <c r="E168" s="1028"/>
      <c r="F168" s="1028"/>
      <c r="G168" s="923" t="s">
        <v>209</v>
      </c>
      <c r="H168" s="937"/>
    </row>
    <row r="169" spans="1:9" s="253" customFormat="1" ht="25.5" customHeight="1" x14ac:dyDescent="0.2">
      <c r="A169" s="1029"/>
      <c r="B169" s="1029"/>
      <c r="C169" s="1029"/>
      <c r="D169" s="1029"/>
      <c r="E169" s="1029"/>
      <c r="F169" s="1029"/>
      <c r="G169" s="925"/>
      <c r="H169" s="939"/>
    </row>
    <row r="170" spans="1:9" s="253" customFormat="1" ht="10.5" x14ac:dyDescent="0.2">
      <c r="A170" s="1027" t="s">
        <v>817</v>
      </c>
      <c r="B170" s="1027"/>
      <c r="C170" s="1027"/>
      <c r="D170" s="1027"/>
      <c r="E170" s="1027"/>
      <c r="F170" s="1027"/>
      <c r="G170" s="890">
        <v>26579660.64000003</v>
      </c>
      <c r="H170" s="892"/>
    </row>
    <row r="171" spans="1:9" s="253" customFormat="1" ht="10.5" x14ac:dyDescent="0.2">
      <c r="A171" s="299" t="s">
        <v>528</v>
      </c>
      <c r="B171" s="7"/>
      <c r="C171" s="7"/>
      <c r="D171" s="7"/>
      <c r="E171" s="100"/>
      <c r="F171" s="263"/>
      <c r="G171" s="779">
        <v>295286858.33999997</v>
      </c>
      <c r="H171" s="894">
        <v>100</v>
      </c>
    </row>
    <row r="172" spans="1:9" s="253" customFormat="1" ht="10.5" x14ac:dyDescent="0.2">
      <c r="A172" s="299" t="s">
        <v>529</v>
      </c>
      <c r="B172" s="7"/>
      <c r="C172" s="7"/>
      <c r="D172" s="7"/>
      <c r="E172" s="100"/>
      <c r="F172" s="263"/>
      <c r="G172" s="779">
        <v>282037786.90999997</v>
      </c>
      <c r="H172" s="894">
        <v>0</v>
      </c>
    </row>
    <row r="173" spans="1:9" s="20" customFormat="1" ht="10.5" x14ac:dyDescent="0.2">
      <c r="A173" s="15" t="s">
        <v>530</v>
      </c>
      <c r="B173" s="15"/>
      <c r="C173" s="15"/>
      <c r="D173" s="15"/>
      <c r="E173" s="97"/>
      <c r="F173" s="96"/>
      <c r="G173" s="775">
        <v>281978553.94999999</v>
      </c>
      <c r="H173" s="893"/>
    </row>
    <row r="174" spans="1:9" s="20" customFormat="1" ht="10.5" x14ac:dyDescent="0.2">
      <c r="A174" s="291" t="s">
        <v>531</v>
      </c>
      <c r="B174" s="15"/>
      <c r="C174" s="15"/>
      <c r="D174" s="15"/>
      <c r="E174" s="97"/>
      <c r="F174" s="96"/>
      <c r="G174" s="775">
        <v>59232.959999999999</v>
      </c>
      <c r="H174" s="893"/>
    </row>
    <row r="175" spans="1:9" s="253" customFormat="1" ht="21" customHeight="1" x14ac:dyDescent="0.2">
      <c r="A175" s="299" t="s">
        <v>532</v>
      </c>
      <c r="B175" s="7"/>
      <c r="C175" s="7"/>
      <c r="D175" s="7"/>
      <c r="E175" s="100"/>
      <c r="F175" s="263"/>
      <c r="G175" s="779">
        <v>1564589.5999999999</v>
      </c>
      <c r="H175" s="894"/>
    </row>
    <row r="176" spans="1:9" s="253" customFormat="1" ht="10.5" x14ac:dyDescent="0.2">
      <c r="A176" s="293" t="s">
        <v>533</v>
      </c>
      <c r="B176" s="277"/>
      <c r="C176" s="277"/>
      <c r="D176" s="277"/>
      <c r="E176" s="276"/>
      <c r="F176" s="283"/>
      <c r="G176" s="1036">
        <v>41393321.670000054</v>
      </c>
      <c r="H176" s="1037"/>
    </row>
    <row r="177" spans="1:8" s="20" customFormat="1" ht="10.5" x14ac:dyDescent="0.2">
      <c r="A177" s="53" t="s">
        <v>877</v>
      </c>
      <c r="H177" s="337"/>
    </row>
    <row r="178" spans="1:8" s="20" customFormat="1" ht="15.75" customHeight="1" x14ac:dyDescent="0.2">
      <c r="A178" s="1024" t="s">
        <v>635</v>
      </c>
      <c r="B178" s="1025"/>
      <c r="C178" s="1025"/>
      <c r="D178" s="1025"/>
      <c r="E178" s="1025"/>
      <c r="F178" s="1025"/>
    </row>
    <row r="179" spans="1:8" s="20" customFormat="1" ht="26.25" customHeight="1" x14ac:dyDescent="0.2">
      <c r="A179" s="1023" t="s">
        <v>636</v>
      </c>
      <c r="B179" s="1026"/>
      <c r="C179" s="1026"/>
      <c r="D179" s="1026"/>
      <c r="E179" s="1026"/>
      <c r="F179" s="1026"/>
    </row>
    <row r="180" spans="1:8" s="20" customFormat="1" x14ac:dyDescent="0.2">
      <c r="A180" s="1023" t="s">
        <v>637</v>
      </c>
      <c r="B180" s="1023"/>
      <c r="C180" s="1023"/>
      <c r="D180" s="1023"/>
      <c r="E180" s="1023"/>
      <c r="F180" s="1023"/>
    </row>
    <row r="181" spans="1:8" ht="15" customHeight="1" x14ac:dyDescent="0.2">
      <c r="A181" s="1023" t="s">
        <v>638</v>
      </c>
      <c r="B181" s="1023"/>
      <c r="C181" s="1023"/>
      <c r="D181" s="1023"/>
      <c r="E181" s="1023"/>
      <c r="F181" s="1023"/>
    </row>
    <row r="182" spans="1:8" x14ac:dyDescent="0.2">
      <c r="A182" s="1023" t="s">
        <v>639</v>
      </c>
      <c r="B182" s="1023"/>
      <c r="C182" s="1023"/>
      <c r="D182" s="1023"/>
      <c r="E182" s="1023"/>
      <c r="F182" s="1023"/>
    </row>
    <row r="183" spans="1:8" ht="21" customHeight="1" x14ac:dyDescent="0.2">
      <c r="A183" s="1020" t="s">
        <v>640</v>
      </c>
      <c r="B183" s="1020"/>
      <c r="C183" s="1020"/>
      <c r="D183" s="1020"/>
      <c r="E183" s="1020"/>
      <c r="F183" s="1020"/>
      <c r="G183" s="1020"/>
      <c r="H183" s="1020"/>
    </row>
    <row r="184" spans="1:8" ht="14.45" customHeight="1" x14ac:dyDescent="0.2">
      <c r="A184" s="1020" t="s">
        <v>634</v>
      </c>
      <c r="B184" s="1020"/>
      <c r="C184" s="1020"/>
    </row>
  </sheetData>
  <customSheetViews>
    <customSheetView guid="{6DBFA32C-4AA4-4E1D-9A48-697377C64CC3}" scale="95" showPageBreaks="1" showGridLines="0" fitToPage="1" printArea="1">
      <selection sqref="A1:H203"/>
      <pageMargins left="0.19685039370078741" right="0.19685039370078741" top="0.39370078740157483" bottom="0.59055118110236227" header="0" footer="0"/>
      <printOptions horizontalCentered="1"/>
      <pageSetup paperSize="9" scale="52" fitToHeight="2" orientation="portrait" r:id="rId1"/>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2"/>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3"/>
      <headerFooter alignWithMargins="0"/>
    </customSheetView>
    <customSheetView guid="{82EDB5A4-4824-4632-A540-7A52C92F04C7}" scale="90" showPageBreaks="1" showGridLines="0" fitToPage="1" printArea="1" topLeftCell="A66">
      <selection activeCell="B81" activeCellId="1" sqref="B79:C79 B81:C81"/>
      <pageMargins left="0.19685039370078741" right="0.19685039370078741" top="0.39370078740157483" bottom="0.39370078740157483" header="0" footer="0"/>
      <printOptions horizontalCentered="1"/>
      <pageSetup paperSize="9" scale="39" fitToHeight="2" orientation="landscape" r:id="rId4"/>
      <headerFooter alignWithMargins="0"/>
    </customSheetView>
    <customSheetView guid="{3AAF6A5F-F9AA-430B-9AD9-1261ECDF41B5}" showPageBreaks="1" showGridLines="0" fitToPage="1" printArea="1" topLeftCell="A86">
      <selection activeCell="G149" sqref="G149:H149"/>
      <pageMargins left="0.19685039370078741" right="0.19685039370078741" top="0.19685039370078741" bottom="0.19685039370078741" header="0" footer="0"/>
      <printOptions horizontalCentered="1"/>
      <pageSetup scale="51" fitToHeight="2" orientation="portrait" r:id="rId5"/>
      <headerFooter alignWithMargins="0"/>
    </customSheetView>
    <customSheetView guid="{C779D862-DE28-46CD-A428-4AAA1056D1E1}" showPageBreaks="1" showGridLines="0" fitToPage="1" printArea="1">
      <pageMargins left="0.19685039370078741" right="0.19685039370078741" top="0.39370078740157483" bottom="0.39370078740157483" header="0" footer="0"/>
      <printOptions horizontalCentered="1"/>
      <pageSetup paperSize="9" scale="50" fitToHeight="2" orientation="portrait" r:id="rId6"/>
      <headerFooter alignWithMargins="0"/>
    </customSheetView>
    <customSheetView guid="{25EF1E0D-169B-4051-B414-7E1196FC05E4}" showPageBreaks="1" showGridLines="0" fitToPage="1" printArea="1">
      <selection activeCell="D66" sqref="D66:E66"/>
      <pageMargins left="0.19685039370078741" right="0.19685039370078741" top="0.19685039370078741" bottom="0.19685039370078741" header="0.51181102362204722" footer="0"/>
      <printOptions horizontalCentered="1"/>
      <pageSetup scale="51" fitToHeight="2" orientation="portrait" r:id="rId7"/>
      <headerFooter alignWithMargins="0"/>
    </customSheetView>
  </customSheetViews>
  <mergeCells count="346">
    <mergeCell ref="D61:E61"/>
    <mergeCell ref="D62:E62"/>
    <mergeCell ref="B79:C79"/>
    <mergeCell ref="B70:C70"/>
    <mergeCell ref="D70:E70"/>
    <mergeCell ref="F70:G70"/>
    <mergeCell ref="D119:E119"/>
    <mergeCell ref="A3:H3"/>
    <mergeCell ref="A4:H4"/>
    <mergeCell ref="A5:H5"/>
    <mergeCell ref="A6:H6"/>
    <mergeCell ref="A7:H7"/>
    <mergeCell ref="A9:H9"/>
    <mergeCell ref="F12:G12"/>
    <mergeCell ref="B10:C10"/>
    <mergeCell ref="B11:C11"/>
    <mergeCell ref="B12:C12"/>
    <mergeCell ref="F10:H10"/>
    <mergeCell ref="D10:E10"/>
    <mergeCell ref="D11:E11"/>
    <mergeCell ref="D12:E12"/>
    <mergeCell ref="F11:G11"/>
    <mergeCell ref="G104:H104"/>
    <mergeCell ref="G105:H105"/>
    <mergeCell ref="D21:E21"/>
    <mergeCell ref="B48:C48"/>
    <mergeCell ref="B49:C49"/>
    <mergeCell ref="D24:E24"/>
    <mergeCell ref="D37:E37"/>
    <mergeCell ref="B41:C41"/>
    <mergeCell ref="D41:E41"/>
    <mergeCell ref="B117:C117"/>
    <mergeCell ref="B118:C118"/>
    <mergeCell ref="B51:C51"/>
    <mergeCell ref="D82:E82"/>
    <mergeCell ref="B22:C22"/>
    <mergeCell ref="D22:E22"/>
    <mergeCell ref="B75:C75"/>
    <mergeCell ref="B76:C76"/>
    <mergeCell ref="B77:C77"/>
    <mergeCell ref="B78:C78"/>
    <mergeCell ref="D75:E75"/>
    <mergeCell ref="D76:E76"/>
    <mergeCell ref="D77:E77"/>
    <mergeCell ref="D78:E78"/>
    <mergeCell ref="D67:E67"/>
    <mergeCell ref="B69:C69"/>
    <mergeCell ref="D59:E59"/>
    <mergeCell ref="F23:G23"/>
    <mergeCell ref="B24:C24"/>
    <mergeCell ref="B47:C47"/>
    <mergeCell ref="D47:E47"/>
    <mergeCell ref="D16:E16"/>
    <mergeCell ref="D17:E17"/>
    <mergeCell ref="D18:E18"/>
    <mergeCell ref="D19:E19"/>
    <mergeCell ref="D20:E20"/>
    <mergeCell ref="B46:C46"/>
    <mergeCell ref="D46:E46"/>
    <mergeCell ref="F46:H46"/>
    <mergeCell ref="B16:C16"/>
    <mergeCell ref="F16:G16"/>
    <mergeCell ref="B17:C17"/>
    <mergeCell ref="F17:G17"/>
    <mergeCell ref="B18:C18"/>
    <mergeCell ref="F18:G18"/>
    <mergeCell ref="B19:C19"/>
    <mergeCell ref="F19:G19"/>
    <mergeCell ref="B20:C20"/>
    <mergeCell ref="F20:G20"/>
    <mergeCell ref="B21:C21"/>
    <mergeCell ref="F21:G21"/>
    <mergeCell ref="F22:G22"/>
    <mergeCell ref="B23:C23"/>
    <mergeCell ref="D23:E23"/>
    <mergeCell ref="D79:E79"/>
    <mergeCell ref="D80:E80"/>
    <mergeCell ref="D81:E81"/>
    <mergeCell ref="D68:E68"/>
    <mergeCell ref="D69:E69"/>
    <mergeCell ref="F59:G59"/>
    <mergeCell ref="F60:G60"/>
    <mergeCell ref="F61:G61"/>
    <mergeCell ref="F62:G62"/>
    <mergeCell ref="D63:E63"/>
    <mergeCell ref="D64:E64"/>
    <mergeCell ref="D65:E65"/>
    <mergeCell ref="D66:E66"/>
    <mergeCell ref="F63:G63"/>
    <mergeCell ref="F64:G64"/>
    <mergeCell ref="F65:G65"/>
    <mergeCell ref="F66:G66"/>
    <mergeCell ref="B57:C57"/>
    <mergeCell ref="D57:E57"/>
    <mergeCell ref="F57:G57"/>
    <mergeCell ref="F78:G78"/>
    <mergeCell ref="B13:C13"/>
    <mergeCell ref="D13:E13"/>
    <mergeCell ref="F13:G13"/>
    <mergeCell ref="B14:C14"/>
    <mergeCell ref="D14:E14"/>
    <mergeCell ref="F14:G14"/>
    <mergeCell ref="B15:C15"/>
    <mergeCell ref="D15:E15"/>
    <mergeCell ref="F15:G15"/>
    <mergeCell ref="D89:E89"/>
    <mergeCell ref="F89:G89"/>
    <mergeCell ref="A105:F105"/>
    <mergeCell ref="A89:A91"/>
    <mergeCell ref="D27:E27"/>
    <mergeCell ref="F27:G27"/>
    <mergeCell ref="B28:C28"/>
    <mergeCell ref="D28:E28"/>
    <mergeCell ref="F28:G28"/>
    <mergeCell ref="B29:C29"/>
    <mergeCell ref="D29:E29"/>
    <mergeCell ref="F29:G29"/>
    <mergeCell ref="B30:C30"/>
    <mergeCell ref="D30:E30"/>
    <mergeCell ref="F30:G30"/>
    <mergeCell ref="B31:C31"/>
    <mergeCell ref="B55:C55"/>
    <mergeCell ref="D55:E55"/>
    <mergeCell ref="D36:E36"/>
    <mergeCell ref="F36:G36"/>
    <mergeCell ref="B37:C37"/>
    <mergeCell ref="A184:C184"/>
    <mergeCell ref="A183:H183"/>
    <mergeCell ref="A151:H151"/>
    <mergeCell ref="C161:E163"/>
    <mergeCell ref="A104:F104"/>
    <mergeCell ref="A145:F145"/>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F161:H163"/>
    <mergeCell ref="A181:F181"/>
    <mergeCell ref="G176:H176"/>
    <mergeCell ref="A107:F107"/>
    <mergeCell ref="F116:H116"/>
    <mergeCell ref="F24:G24"/>
    <mergeCell ref="B25:C25"/>
    <mergeCell ref="D25:E25"/>
    <mergeCell ref="F25:G25"/>
    <mergeCell ref="B26:C26"/>
    <mergeCell ref="D26:E26"/>
    <mergeCell ref="F26:G26"/>
    <mergeCell ref="B27:C27"/>
    <mergeCell ref="F118:G118"/>
    <mergeCell ref="D31:E31"/>
    <mergeCell ref="F31:G31"/>
    <mergeCell ref="B32:C32"/>
    <mergeCell ref="D32:E32"/>
    <mergeCell ref="F32:G32"/>
    <mergeCell ref="B33:C33"/>
    <mergeCell ref="D33:E33"/>
    <mergeCell ref="F33:G33"/>
    <mergeCell ref="B34:C34"/>
    <mergeCell ref="D34:E34"/>
    <mergeCell ref="F34:G34"/>
    <mergeCell ref="B35:C35"/>
    <mergeCell ref="D35:E35"/>
    <mergeCell ref="F35:G35"/>
    <mergeCell ref="B36:C36"/>
    <mergeCell ref="F37:G37"/>
    <mergeCell ref="B38:C38"/>
    <mergeCell ref="D38:E38"/>
    <mergeCell ref="F38:G38"/>
    <mergeCell ref="B39:C39"/>
    <mergeCell ref="D39:E39"/>
    <mergeCell ref="F39:G39"/>
    <mergeCell ref="B40:C40"/>
    <mergeCell ref="D40:E40"/>
    <mergeCell ref="F40:G40"/>
    <mergeCell ref="F41:G41"/>
    <mergeCell ref="B42:C42"/>
    <mergeCell ref="D42:E42"/>
    <mergeCell ref="F42:G42"/>
    <mergeCell ref="A114:F114"/>
    <mergeCell ref="D53:E53"/>
    <mergeCell ref="B50:C50"/>
    <mergeCell ref="F50:G50"/>
    <mergeCell ref="F52:G52"/>
    <mergeCell ref="F51:G51"/>
    <mergeCell ref="F49:G49"/>
    <mergeCell ref="F53:G53"/>
    <mergeCell ref="B43:C43"/>
    <mergeCell ref="D43:E43"/>
    <mergeCell ref="F43:G43"/>
    <mergeCell ref="B44:C44"/>
    <mergeCell ref="D44:E44"/>
    <mergeCell ref="F44:G44"/>
    <mergeCell ref="F45:G45"/>
    <mergeCell ref="D45:E45"/>
    <mergeCell ref="B45:C45"/>
    <mergeCell ref="F47:G47"/>
    <mergeCell ref="D48:E48"/>
    <mergeCell ref="F48:G48"/>
    <mergeCell ref="G175:H175"/>
    <mergeCell ref="A166:B166"/>
    <mergeCell ref="G142:H142"/>
    <mergeCell ref="G145:H145"/>
    <mergeCell ref="G146:H146"/>
    <mergeCell ref="G147:H147"/>
    <mergeCell ref="G149:H149"/>
    <mergeCell ref="G143:H143"/>
    <mergeCell ref="G144:H144"/>
    <mergeCell ref="H153:H154"/>
    <mergeCell ref="A152:A154"/>
    <mergeCell ref="A146:D146"/>
    <mergeCell ref="A147:D147"/>
    <mergeCell ref="G170:H170"/>
    <mergeCell ref="C164:E164"/>
    <mergeCell ref="F164:H164"/>
    <mergeCell ref="F165:H165"/>
    <mergeCell ref="F166:H166"/>
    <mergeCell ref="C165:E165"/>
    <mergeCell ref="C166:E166"/>
    <mergeCell ref="A143:D143"/>
    <mergeCell ref="G172:H172"/>
    <mergeCell ref="G173:H173"/>
    <mergeCell ref="G174:H174"/>
    <mergeCell ref="G171:H171"/>
    <mergeCell ref="B84:C84"/>
    <mergeCell ref="B85:C85"/>
    <mergeCell ref="B86:C86"/>
    <mergeCell ref="B56:C56"/>
    <mergeCell ref="D56:E56"/>
    <mergeCell ref="F56:G56"/>
    <mergeCell ref="D84:E84"/>
    <mergeCell ref="D85:E85"/>
    <mergeCell ref="D86:E86"/>
    <mergeCell ref="F82:G82"/>
    <mergeCell ref="F83:G83"/>
    <mergeCell ref="F84:G84"/>
    <mergeCell ref="F85:G85"/>
    <mergeCell ref="F86:G86"/>
    <mergeCell ref="B58:C58"/>
    <mergeCell ref="D58:E58"/>
    <mergeCell ref="F58:G58"/>
    <mergeCell ref="B68:C68"/>
    <mergeCell ref="A102:F102"/>
    <mergeCell ref="A103:F103"/>
    <mergeCell ref="B72:C72"/>
    <mergeCell ref="B74:C74"/>
    <mergeCell ref="H89:H90"/>
    <mergeCell ref="B119:C119"/>
    <mergeCell ref="B80:C80"/>
    <mergeCell ref="B81:C81"/>
    <mergeCell ref="F77:G77"/>
    <mergeCell ref="B116:C116"/>
    <mergeCell ref="D116:E116"/>
    <mergeCell ref="B53:C53"/>
    <mergeCell ref="D49:E49"/>
    <mergeCell ref="D50:E50"/>
    <mergeCell ref="D51:E51"/>
    <mergeCell ref="D52:E52"/>
    <mergeCell ref="B54:C54"/>
    <mergeCell ref="D54:E54"/>
    <mergeCell ref="F54:H54"/>
    <mergeCell ref="D74:E74"/>
    <mergeCell ref="F74:G74"/>
    <mergeCell ref="F79:G79"/>
    <mergeCell ref="F55:G55"/>
    <mergeCell ref="F67:G67"/>
    <mergeCell ref="F68:G68"/>
    <mergeCell ref="F69:G69"/>
    <mergeCell ref="F75:G75"/>
    <mergeCell ref="F76:G76"/>
    <mergeCell ref="D60:E60"/>
    <mergeCell ref="D72:E72"/>
    <mergeCell ref="F72:H72"/>
    <mergeCell ref="A71:H71"/>
    <mergeCell ref="B73:C73"/>
    <mergeCell ref="D73:E73"/>
    <mergeCell ref="F73:G73"/>
    <mergeCell ref="F80:G80"/>
    <mergeCell ref="F81:G81"/>
    <mergeCell ref="A115:H115"/>
    <mergeCell ref="G112:H112"/>
    <mergeCell ref="A106:F106"/>
    <mergeCell ref="A101:F101"/>
    <mergeCell ref="G109:H109"/>
    <mergeCell ref="G110:H110"/>
    <mergeCell ref="G111:H111"/>
    <mergeCell ref="G113:H113"/>
    <mergeCell ref="G114:H114"/>
    <mergeCell ref="A100:F100"/>
    <mergeCell ref="G106:H106"/>
    <mergeCell ref="G108:H108"/>
    <mergeCell ref="G107:H107"/>
    <mergeCell ref="A111:F111"/>
    <mergeCell ref="A110:F110"/>
    <mergeCell ref="G140:H140"/>
    <mergeCell ref="G141:H141"/>
    <mergeCell ref="A140:D140"/>
    <mergeCell ref="A141:D141"/>
    <mergeCell ref="A144:D144"/>
    <mergeCell ref="A142:D142"/>
    <mergeCell ref="A161:B163"/>
    <mergeCell ref="D83:E83"/>
    <mergeCell ref="B82:C82"/>
    <mergeCell ref="B83:C83"/>
    <mergeCell ref="A139:D139"/>
    <mergeCell ref="G139:H139"/>
    <mergeCell ref="A112:F112"/>
    <mergeCell ref="D120:E120"/>
    <mergeCell ref="F120:G120"/>
    <mergeCell ref="D117:E117"/>
    <mergeCell ref="D118:E118"/>
    <mergeCell ref="F119:G119"/>
    <mergeCell ref="F117:G117"/>
    <mergeCell ref="A113:F113"/>
    <mergeCell ref="G100:H100"/>
    <mergeCell ref="G101:H101"/>
    <mergeCell ref="G102:H102"/>
    <mergeCell ref="G103:H103"/>
    <mergeCell ref="A10:A11"/>
    <mergeCell ref="A72:A74"/>
    <mergeCell ref="A54:A56"/>
    <mergeCell ref="A46:A48"/>
    <mergeCell ref="A116:A118"/>
    <mergeCell ref="A120:A122"/>
    <mergeCell ref="A136:F138"/>
    <mergeCell ref="G136:H138"/>
    <mergeCell ref="A99:H99"/>
    <mergeCell ref="B59:C59"/>
    <mergeCell ref="B60:C60"/>
    <mergeCell ref="B61:C61"/>
    <mergeCell ref="B62:C62"/>
    <mergeCell ref="B63:C63"/>
    <mergeCell ref="B64:C64"/>
    <mergeCell ref="B65:C65"/>
    <mergeCell ref="B66:C66"/>
    <mergeCell ref="B67:C67"/>
    <mergeCell ref="B52:C52"/>
  </mergeCells>
  <printOptions horizontalCentered="1"/>
  <pageMargins left="0.19685039370078741" right="0.19685039370078741" top="0.59055118110236227" bottom="0.78740157480314965" header="0.51181102362204722" footer="0"/>
  <pageSetup paperSize="9" scale="50" fitToHeight="2" orientation="portrait" r:id="rId8"/>
  <headerFooter alignWithMargins="0"/>
  <drawing r:id="rId9"/>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H127"/>
  <sheetViews>
    <sheetView showGridLines="0" zoomScaleNormal="100" workbookViewId="0"/>
  </sheetViews>
  <sheetFormatPr defaultRowHeight="10.5" x14ac:dyDescent="0.2"/>
  <cols>
    <col min="1" max="1" width="63.140625" style="89" customWidth="1"/>
    <col min="2" max="2" width="19" style="89" bestFit="1" customWidth="1"/>
    <col min="3" max="3" width="19.5703125" style="89" customWidth="1"/>
    <col min="4" max="4" width="17.7109375" style="89" customWidth="1"/>
    <col min="5" max="5" width="17.28515625" style="89" customWidth="1"/>
    <col min="6" max="6" width="17" style="89" customWidth="1"/>
    <col min="7" max="7" width="17.85546875" style="89" customWidth="1"/>
    <col min="8" max="8" width="15.7109375" style="89" customWidth="1"/>
    <col min="9" max="16384" width="9.140625" style="89"/>
  </cols>
  <sheetData>
    <row r="1" spans="1:8" s="155" customFormat="1" x14ac:dyDescent="0.2">
      <c r="A1" s="153"/>
      <c r="B1" s="153"/>
      <c r="C1" s="153"/>
      <c r="D1" s="153"/>
      <c r="E1" s="153"/>
      <c r="F1" s="153"/>
      <c r="G1" s="153"/>
    </row>
    <row r="2" spans="1:8" s="155" customFormat="1" x14ac:dyDescent="0.2">
      <c r="A2" s="156"/>
      <c r="B2" s="156"/>
      <c r="C2" s="156"/>
      <c r="D2" s="156"/>
      <c r="E2" s="156"/>
    </row>
    <row r="3" spans="1:8" s="159" customFormat="1" x14ac:dyDescent="0.2">
      <c r="A3" s="1054" t="s">
        <v>643</v>
      </c>
      <c r="B3" s="1054"/>
      <c r="C3" s="1054"/>
      <c r="D3" s="1054"/>
      <c r="E3" s="1054"/>
      <c r="F3" s="1054"/>
      <c r="G3" s="1054"/>
      <c r="H3" s="1054"/>
    </row>
    <row r="4" spans="1:8" s="159" customFormat="1" x14ac:dyDescent="0.2">
      <c r="A4" s="1054" t="s">
        <v>105</v>
      </c>
      <c r="B4" s="1054"/>
      <c r="C4" s="1054"/>
      <c r="D4" s="1054"/>
      <c r="E4" s="1054"/>
      <c r="F4" s="1054"/>
      <c r="G4" s="1054"/>
      <c r="H4" s="1054"/>
    </row>
    <row r="5" spans="1:8" s="159" customFormat="1" x14ac:dyDescent="0.2">
      <c r="A5" s="1049" t="s">
        <v>393</v>
      </c>
      <c r="B5" s="1049"/>
      <c r="C5" s="1049"/>
      <c r="D5" s="1049"/>
      <c r="E5" s="1049"/>
      <c r="F5" s="1049"/>
      <c r="G5" s="1049"/>
      <c r="H5" s="1049"/>
    </row>
    <row r="6" spans="1:8" s="159" customFormat="1" x14ac:dyDescent="0.2">
      <c r="A6" s="1054" t="s">
        <v>107</v>
      </c>
      <c r="B6" s="1054"/>
      <c r="C6" s="1054"/>
      <c r="D6" s="1054"/>
      <c r="E6" s="1054"/>
      <c r="F6" s="1054"/>
      <c r="G6" s="1054"/>
      <c r="H6" s="1054"/>
    </row>
    <row r="7" spans="1:8" s="159" customFormat="1" x14ac:dyDescent="0.2">
      <c r="A7" s="1054" t="s">
        <v>869</v>
      </c>
      <c r="B7" s="1054"/>
      <c r="C7" s="1054"/>
      <c r="D7" s="1054"/>
      <c r="E7" s="1054"/>
      <c r="F7" s="1054"/>
      <c r="G7" s="1054"/>
      <c r="H7" s="1054"/>
    </row>
    <row r="8" spans="1:8" s="155" customFormat="1" x14ac:dyDescent="0.2">
      <c r="A8" s="156"/>
      <c r="B8" s="156"/>
      <c r="C8" s="156"/>
      <c r="D8" s="156"/>
      <c r="E8" s="156"/>
    </row>
    <row r="9" spans="1:8" s="155" customFormat="1" x14ac:dyDescent="0.2">
      <c r="A9" s="157" t="s">
        <v>417</v>
      </c>
      <c r="B9" s="154"/>
      <c r="C9" s="154"/>
      <c r="D9" s="154"/>
      <c r="H9" s="256">
        <v>1</v>
      </c>
    </row>
    <row r="10" spans="1:8" ht="15" customHeight="1" x14ac:dyDescent="0.2">
      <c r="A10" s="931" t="s">
        <v>394</v>
      </c>
      <c r="B10" s="927" t="s">
        <v>429</v>
      </c>
      <c r="C10" s="923" t="s">
        <v>235</v>
      </c>
      <c r="D10" s="961"/>
      <c r="E10" s="929" t="s">
        <v>109</v>
      </c>
      <c r="F10" s="940"/>
      <c r="G10" s="940"/>
      <c r="H10" s="940"/>
    </row>
    <row r="11" spans="1:8" ht="15" customHeight="1" x14ac:dyDescent="0.2">
      <c r="A11" s="932"/>
      <c r="B11" s="1058"/>
      <c r="C11" s="924"/>
      <c r="D11" s="957"/>
      <c r="E11" s="923" t="s">
        <v>115</v>
      </c>
      <c r="F11" s="961"/>
      <c r="G11" s="923" t="s">
        <v>114</v>
      </c>
      <c r="H11" s="937"/>
    </row>
    <row r="12" spans="1:8" ht="15" customHeight="1" x14ac:dyDescent="0.2">
      <c r="A12" s="933"/>
      <c r="B12" s="928"/>
      <c r="C12" s="1050" t="s">
        <v>116</v>
      </c>
      <c r="D12" s="1051"/>
      <c r="E12" s="1050" t="s">
        <v>117</v>
      </c>
      <c r="F12" s="1051"/>
      <c r="G12" s="1050" t="s">
        <v>224</v>
      </c>
      <c r="H12" s="1087"/>
    </row>
    <row r="13" spans="1:8" s="322" customFormat="1" ht="15" customHeight="1" x14ac:dyDescent="0.2">
      <c r="A13" s="114" t="s">
        <v>405</v>
      </c>
      <c r="B13" s="406">
        <v>7821678000</v>
      </c>
      <c r="C13" s="964">
        <v>7821678000</v>
      </c>
      <c r="D13" s="1057"/>
      <c r="E13" s="964">
        <v>2733181222.3699999</v>
      </c>
      <c r="F13" s="1057">
        <v>292448583.68000001</v>
      </c>
      <c r="G13" s="964">
        <v>34.943668383817382</v>
      </c>
      <c r="H13" s="965"/>
    </row>
    <row r="14" spans="1:8" x14ac:dyDescent="0.2">
      <c r="A14" s="95" t="s">
        <v>406</v>
      </c>
      <c r="B14" s="405">
        <v>105800000</v>
      </c>
      <c r="C14" s="941">
        <v>105800000</v>
      </c>
      <c r="D14" s="942">
        <v>105800000</v>
      </c>
      <c r="E14" s="941">
        <v>24841216.98</v>
      </c>
      <c r="F14" s="942">
        <v>24841216.98</v>
      </c>
      <c r="G14" s="941">
        <v>23.479411134215503</v>
      </c>
      <c r="H14" s="966">
        <v>23.479411134215503</v>
      </c>
    </row>
    <row r="15" spans="1:8" ht="21" x14ac:dyDescent="0.2">
      <c r="A15" s="95" t="s">
        <v>441</v>
      </c>
      <c r="B15" s="405">
        <v>6815191000</v>
      </c>
      <c r="C15" s="941">
        <v>6815191000</v>
      </c>
      <c r="D15" s="942"/>
      <c r="E15" s="941">
        <v>2285818532.04</v>
      </c>
      <c r="F15" s="942"/>
      <c r="G15" s="941">
        <v>33.540050925058445</v>
      </c>
      <c r="H15" s="966"/>
    </row>
    <row r="16" spans="1:8" x14ac:dyDescent="0.2">
      <c r="A16" s="95" t="s">
        <v>407</v>
      </c>
      <c r="B16" s="405">
        <v>329900000</v>
      </c>
      <c r="C16" s="941">
        <v>329900000</v>
      </c>
      <c r="D16" s="942"/>
      <c r="E16" s="941">
        <v>251138990.93000001</v>
      </c>
      <c r="F16" s="942"/>
      <c r="G16" s="941">
        <v>76.125792946347389</v>
      </c>
      <c r="H16" s="966"/>
    </row>
    <row r="17" spans="1:8" ht="12.75" customHeight="1" x14ac:dyDescent="0.2">
      <c r="A17" s="95" t="s">
        <v>395</v>
      </c>
      <c r="B17" s="405">
        <v>510400000</v>
      </c>
      <c r="C17" s="941">
        <v>510400000</v>
      </c>
      <c r="D17" s="942"/>
      <c r="E17" s="941">
        <v>154914106.64999998</v>
      </c>
      <c r="F17" s="942"/>
      <c r="G17" s="941">
        <v>30.351509923589337</v>
      </c>
      <c r="H17" s="966"/>
    </row>
    <row r="18" spans="1:8" ht="10.5" customHeight="1" x14ac:dyDescent="0.2">
      <c r="A18" s="95" t="s">
        <v>408</v>
      </c>
      <c r="B18" s="404">
        <v>52910000</v>
      </c>
      <c r="C18" s="1059">
        <v>52910000</v>
      </c>
      <c r="D18" s="1060"/>
      <c r="E18" s="941">
        <v>12941118.879999999</v>
      </c>
      <c r="F18" s="942">
        <v>12941118.879999999</v>
      </c>
      <c r="G18" s="941">
        <v>24.458739141939141</v>
      </c>
      <c r="H18" s="966"/>
    </row>
    <row r="19" spans="1:8" ht="12.75" customHeight="1" x14ac:dyDescent="0.2">
      <c r="A19" s="95" t="s">
        <v>409</v>
      </c>
      <c r="B19" s="405">
        <v>7477000</v>
      </c>
      <c r="C19" s="1061">
        <v>7477000</v>
      </c>
      <c r="D19" s="1062"/>
      <c r="E19" s="941">
        <v>3527256.89</v>
      </c>
      <c r="F19" s="942">
        <v>3527256.89</v>
      </c>
      <c r="G19" s="941">
        <v>47.17476113414471</v>
      </c>
      <c r="H19" s="966"/>
    </row>
    <row r="20" spans="1:8" ht="12.75" customHeight="1" x14ac:dyDescent="0.2">
      <c r="A20" s="95" t="s">
        <v>410</v>
      </c>
      <c r="B20" s="405">
        <v>0</v>
      </c>
      <c r="C20" s="941">
        <v>0</v>
      </c>
      <c r="D20" s="942"/>
      <c r="E20" s="941">
        <v>0</v>
      </c>
      <c r="F20" s="942">
        <v>251138990.93000001</v>
      </c>
      <c r="G20" s="941">
        <v>0</v>
      </c>
      <c r="H20" s="966"/>
    </row>
    <row r="21" spans="1:8" s="322" customFormat="1" ht="15" customHeight="1" x14ac:dyDescent="0.2">
      <c r="A21" s="323" t="s">
        <v>442</v>
      </c>
      <c r="B21" s="407">
        <v>1158800000</v>
      </c>
      <c r="C21" s="989">
        <v>1158800000</v>
      </c>
      <c r="D21" s="990">
        <v>1158800000</v>
      </c>
      <c r="E21" s="989">
        <v>406614897.67000002</v>
      </c>
      <c r="F21" s="1055"/>
      <c r="G21" s="989">
        <v>35.089307703658953</v>
      </c>
      <c r="H21" s="1056"/>
    </row>
    <row r="22" spans="1:8" x14ac:dyDescent="0.2">
      <c r="A22" s="95" t="s">
        <v>411</v>
      </c>
      <c r="B22" s="408">
        <v>1070500000</v>
      </c>
      <c r="C22" s="941">
        <v>1070500000</v>
      </c>
      <c r="D22" s="942">
        <v>1070500000</v>
      </c>
      <c r="E22" s="941">
        <v>369173757.56999999</v>
      </c>
      <c r="F22" s="942">
        <v>369173757.56999999</v>
      </c>
      <c r="G22" s="941">
        <v>34.486105331153666</v>
      </c>
      <c r="H22" s="966">
        <v>34.486105331153666</v>
      </c>
    </row>
    <row r="23" spans="1:8" x14ac:dyDescent="0.2">
      <c r="A23" s="95" t="s">
        <v>412</v>
      </c>
      <c r="B23" s="408">
        <v>70200000</v>
      </c>
      <c r="C23" s="941">
        <v>70200000</v>
      </c>
      <c r="D23" s="942">
        <v>18100000</v>
      </c>
      <c r="E23" s="941">
        <v>31422221.350000001</v>
      </c>
      <c r="F23" s="942">
        <v>6018918.75</v>
      </c>
      <c r="G23" s="941">
        <v>0</v>
      </c>
      <c r="H23" s="966">
        <v>33.253694751381211</v>
      </c>
    </row>
    <row r="24" spans="1:8" ht="21" x14ac:dyDescent="0.2">
      <c r="A24" s="95" t="s">
        <v>413</v>
      </c>
      <c r="B24" s="408">
        <v>18100000</v>
      </c>
      <c r="C24" s="941">
        <v>18100000</v>
      </c>
      <c r="D24" s="942">
        <v>70200000</v>
      </c>
      <c r="E24" s="941">
        <v>6018918.75</v>
      </c>
      <c r="F24" s="942">
        <v>31422221.350000001</v>
      </c>
      <c r="G24" s="941">
        <v>33.253694751381211</v>
      </c>
      <c r="H24" s="966">
        <v>44.760999074074078</v>
      </c>
    </row>
    <row r="25" spans="1:8" x14ac:dyDescent="0.2">
      <c r="A25" s="95" t="s">
        <v>414</v>
      </c>
      <c r="B25" s="408">
        <v>18100000</v>
      </c>
      <c r="C25" s="941">
        <v>18100000</v>
      </c>
      <c r="D25" s="942">
        <v>0</v>
      </c>
      <c r="E25" s="941">
        <v>6018918.75</v>
      </c>
      <c r="F25" s="942">
        <v>0</v>
      </c>
      <c r="G25" s="941">
        <v>0</v>
      </c>
      <c r="H25" s="966">
        <v>0</v>
      </c>
    </row>
    <row r="26" spans="1:8" x14ac:dyDescent="0.2">
      <c r="A26" s="95" t="s">
        <v>415</v>
      </c>
      <c r="B26" s="408">
        <v>0</v>
      </c>
      <c r="C26" s="941">
        <v>0</v>
      </c>
      <c r="D26" s="942"/>
      <c r="E26" s="941">
        <v>0</v>
      </c>
      <c r="F26" s="942"/>
      <c r="G26" s="941">
        <v>0</v>
      </c>
      <c r="H26" s="966">
        <v>34.962461018667383</v>
      </c>
    </row>
    <row r="27" spans="1:8" s="322" customFormat="1" ht="25.5" customHeight="1" x14ac:dyDescent="0.2">
      <c r="A27" s="323" t="s">
        <v>443</v>
      </c>
      <c r="B27" s="406">
        <v>1886172750</v>
      </c>
      <c r="C27" s="989">
        <v>1886172750</v>
      </c>
      <c r="D27" s="990">
        <v>1886172750</v>
      </c>
      <c r="E27" s="989">
        <v>704351737.48749995</v>
      </c>
      <c r="F27" s="990">
        <v>704351737.48749995</v>
      </c>
      <c r="G27" s="989">
        <v>37.342907084597634</v>
      </c>
      <c r="H27" s="1056">
        <v>152.24472637481273</v>
      </c>
    </row>
    <row r="28" spans="1:8" x14ac:dyDescent="0.2">
      <c r="A28" s="95" t="s">
        <v>444</v>
      </c>
      <c r="B28" s="408">
        <v>1696655250</v>
      </c>
      <c r="C28" s="941">
        <v>1696655250</v>
      </c>
      <c r="D28" s="942">
        <v>1696655250</v>
      </c>
      <c r="E28" s="941">
        <v>569368452</v>
      </c>
      <c r="F28" s="942">
        <v>569368452</v>
      </c>
      <c r="G28" s="941">
        <v>33.558287813626251</v>
      </c>
      <c r="H28" s="966">
        <v>33.558287813626251</v>
      </c>
    </row>
    <row r="29" spans="1:8" x14ac:dyDescent="0.2">
      <c r="A29" s="95" t="s">
        <v>445</v>
      </c>
      <c r="B29" s="408">
        <v>171967500</v>
      </c>
      <c r="C29" s="941">
        <v>171967500</v>
      </c>
      <c r="D29" s="942">
        <v>171967500</v>
      </c>
      <c r="E29" s="941">
        <v>127127730.15000001</v>
      </c>
      <c r="F29" s="942">
        <v>127127730.15000001</v>
      </c>
      <c r="G29" s="941">
        <v>73.925439487112399</v>
      </c>
      <c r="H29" s="966">
        <v>73.925439487112399</v>
      </c>
    </row>
    <row r="30" spans="1:8" ht="21" x14ac:dyDescent="0.2">
      <c r="A30" s="95" t="s">
        <v>446</v>
      </c>
      <c r="B30" s="408">
        <v>17550000</v>
      </c>
      <c r="C30" s="941">
        <v>17550000</v>
      </c>
      <c r="D30" s="942">
        <v>17550000</v>
      </c>
      <c r="E30" s="941">
        <v>7855555.3375000004</v>
      </c>
      <c r="F30" s="942">
        <v>7855555.3375000004</v>
      </c>
      <c r="G30" s="941">
        <v>44.760999074074078</v>
      </c>
      <c r="H30" s="966">
        <v>44.760999074074078</v>
      </c>
    </row>
    <row r="31" spans="1:8" ht="24.95" customHeight="1" x14ac:dyDescent="0.2">
      <c r="A31" s="319" t="s">
        <v>447</v>
      </c>
      <c r="B31" s="413">
        <v>7094305250</v>
      </c>
      <c r="C31" s="988">
        <v>7094305250</v>
      </c>
      <c r="D31" s="1019">
        <v>7094305250</v>
      </c>
      <c r="E31" s="988">
        <v>2435444382.5524998</v>
      </c>
      <c r="F31" s="1019">
        <v>-411903153.80749995</v>
      </c>
      <c r="G31" s="988">
        <v>34.329568530371596</v>
      </c>
      <c r="H31" s="1079">
        <v>-152.24472637481273</v>
      </c>
    </row>
    <row r="32" spans="1:8" x14ac:dyDescent="0.2">
      <c r="A32" s="97"/>
      <c r="B32" s="100"/>
      <c r="C32" s="97"/>
      <c r="D32" s="429"/>
      <c r="E32" s="97"/>
      <c r="F32" s="514"/>
      <c r="G32" s="97"/>
      <c r="H32" s="97"/>
    </row>
    <row r="33" spans="1:8" ht="15" customHeight="1" x14ac:dyDescent="0.2">
      <c r="A33" s="937" t="s">
        <v>396</v>
      </c>
      <c r="B33" s="927" t="s">
        <v>429</v>
      </c>
      <c r="C33" s="923" t="s">
        <v>235</v>
      </c>
      <c r="D33" s="961"/>
      <c r="E33" s="929" t="s">
        <v>109</v>
      </c>
      <c r="F33" s="940"/>
      <c r="G33" s="940"/>
      <c r="H33" s="940"/>
    </row>
    <row r="34" spans="1:8" ht="15" customHeight="1" x14ac:dyDescent="0.2">
      <c r="A34" s="938"/>
      <c r="B34" s="1058"/>
      <c r="C34" s="924"/>
      <c r="D34" s="957"/>
      <c r="E34" s="923" t="s">
        <v>115</v>
      </c>
      <c r="F34" s="961"/>
      <c r="G34" s="923" t="s">
        <v>114</v>
      </c>
      <c r="H34" s="937"/>
    </row>
    <row r="35" spans="1:8" ht="15" customHeight="1" x14ac:dyDescent="0.2">
      <c r="A35" s="939"/>
      <c r="B35" s="928"/>
      <c r="C35" s="925" t="s">
        <v>152</v>
      </c>
      <c r="D35" s="958"/>
      <c r="E35" s="925" t="s">
        <v>162</v>
      </c>
      <c r="F35" s="958"/>
      <c r="G35" s="925" t="s">
        <v>225</v>
      </c>
      <c r="H35" s="939"/>
    </row>
    <row r="36" spans="1:8" s="322" customFormat="1" ht="15.75" customHeight="1" x14ac:dyDescent="0.2">
      <c r="A36" s="321" t="s">
        <v>356</v>
      </c>
      <c r="B36" s="410">
        <v>213056800</v>
      </c>
      <c r="C36" s="964">
        <v>213056800</v>
      </c>
      <c r="D36" s="1057">
        <v>0</v>
      </c>
      <c r="E36" s="964">
        <v>67939193.519999996</v>
      </c>
      <c r="F36" s="1057">
        <v>0</v>
      </c>
      <c r="G36" s="964">
        <v>31.887831564165047</v>
      </c>
      <c r="H36" s="965">
        <v>0</v>
      </c>
    </row>
    <row r="37" spans="1:8" x14ac:dyDescent="0.2">
      <c r="A37" s="101" t="s">
        <v>397</v>
      </c>
      <c r="B37" s="425">
        <v>167526000</v>
      </c>
      <c r="C37" s="941">
        <v>167526000</v>
      </c>
      <c r="D37" s="942"/>
      <c r="E37" s="941">
        <v>46304751.859999999</v>
      </c>
      <c r="F37" s="942"/>
      <c r="G37" s="941">
        <v>27.640337535666106</v>
      </c>
      <c r="H37" s="966"/>
    </row>
    <row r="38" spans="1:8" x14ac:dyDescent="0.2">
      <c r="A38" s="101" t="s">
        <v>416</v>
      </c>
      <c r="B38" s="425">
        <v>0</v>
      </c>
      <c r="C38" s="941">
        <v>0</v>
      </c>
      <c r="D38" s="942"/>
      <c r="E38" s="941">
        <v>0</v>
      </c>
      <c r="F38" s="942"/>
      <c r="G38" s="941">
        <v>0</v>
      </c>
      <c r="H38" s="966"/>
    </row>
    <row r="39" spans="1:8" x14ac:dyDescent="0.2">
      <c r="A39" s="101" t="s">
        <v>398</v>
      </c>
      <c r="B39" s="425">
        <v>0</v>
      </c>
      <c r="C39" s="941">
        <v>0</v>
      </c>
      <c r="D39" s="942"/>
      <c r="E39" s="941">
        <v>0</v>
      </c>
      <c r="F39" s="942"/>
      <c r="G39" s="941">
        <v>0</v>
      </c>
      <c r="H39" s="966"/>
    </row>
    <row r="40" spans="1:8" x14ac:dyDescent="0.2">
      <c r="A40" s="101" t="s">
        <v>448</v>
      </c>
      <c r="B40" s="425">
        <v>45530800</v>
      </c>
      <c r="C40" s="941">
        <v>45530800</v>
      </c>
      <c r="D40" s="942"/>
      <c r="E40" s="941">
        <v>21634441.66</v>
      </c>
      <c r="F40" s="942"/>
      <c r="G40" s="941">
        <v>47.516058711904904</v>
      </c>
      <c r="H40" s="966"/>
    </row>
    <row r="41" spans="1:8" s="322" customFormat="1" ht="15" customHeight="1" x14ac:dyDescent="0.2">
      <c r="A41" s="321" t="s">
        <v>399</v>
      </c>
      <c r="B41" s="411">
        <v>0</v>
      </c>
      <c r="C41" s="989">
        <v>0</v>
      </c>
      <c r="D41" s="990"/>
      <c r="E41" s="989">
        <v>0</v>
      </c>
      <c r="F41" s="990"/>
      <c r="G41" s="989">
        <v>0</v>
      </c>
      <c r="H41" s="1056"/>
    </row>
    <row r="42" spans="1:8" s="322" customFormat="1" ht="15" customHeight="1" x14ac:dyDescent="0.2">
      <c r="A42" s="262" t="s">
        <v>352</v>
      </c>
      <c r="B42" s="411">
        <v>0</v>
      </c>
      <c r="C42" s="941">
        <v>0</v>
      </c>
      <c r="D42" s="942"/>
      <c r="E42" s="989">
        <v>0</v>
      </c>
      <c r="F42" s="990"/>
      <c r="G42" s="989">
        <v>0</v>
      </c>
      <c r="H42" s="1056"/>
    </row>
    <row r="43" spans="1:8" s="322" customFormat="1" ht="15" customHeight="1" x14ac:dyDescent="0.2">
      <c r="A43" s="306" t="s">
        <v>449</v>
      </c>
      <c r="B43" s="412">
        <v>0</v>
      </c>
      <c r="C43" s="941">
        <v>0</v>
      </c>
      <c r="D43" s="942"/>
      <c r="E43" s="989">
        <v>0</v>
      </c>
      <c r="F43" s="990"/>
      <c r="G43" s="947">
        <v>0</v>
      </c>
      <c r="H43" s="1088"/>
    </row>
    <row r="44" spans="1:8" ht="15" customHeight="1" x14ac:dyDescent="0.2">
      <c r="A44" s="265" t="s">
        <v>400</v>
      </c>
      <c r="B44" s="413">
        <v>213056800</v>
      </c>
      <c r="C44" s="988">
        <v>213056800</v>
      </c>
      <c r="D44" s="1019">
        <v>0</v>
      </c>
      <c r="E44" s="988">
        <v>67939193.519999996</v>
      </c>
      <c r="F44" s="1019">
        <v>0</v>
      </c>
      <c r="G44" s="988">
        <v>31.887831564165047</v>
      </c>
      <c r="H44" s="1079"/>
    </row>
    <row r="45" spans="1:8" x14ac:dyDescent="0.2">
      <c r="A45" s="100"/>
      <c r="B45" s="104"/>
      <c r="C45" s="104"/>
      <c r="D45" s="104"/>
      <c r="E45" s="104"/>
    </row>
    <row r="46" spans="1:8" ht="15" customHeight="1" x14ac:dyDescent="0.2">
      <c r="A46" s="961" t="s">
        <v>237</v>
      </c>
      <c r="B46" s="927" t="s">
        <v>802</v>
      </c>
      <c r="C46" s="91" t="s">
        <v>157</v>
      </c>
      <c r="D46" s="929" t="s">
        <v>158</v>
      </c>
      <c r="E46" s="930"/>
      <c r="F46" s="929" t="s">
        <v>159</v>
      </c>
      <c r="G46" s="940"/>
      <c r="H46" s="1033" t="s">
        <v>624</v>
      </c>
    </row>
    <row r="47" spans="1:8" ht="21.75" customHeight="1" x14ac:dyDescent="0.2">
      <c r="A47" s="957"/>
      <c r="B47" s="1058"/>
      <c r="C47" s="92" t="s">
        <v>112</v>
      </c>
      <c r="D47" s="303" t="s">
        <v>115</v>
      </c>
      <c r="E47" s="290" t="s">
        <v>114</v>
      </c>
      <c r="F47" s="303" t="s">
        <v>115</v>
      </c>
      <c r="G47" s="290" t="s">
        <v>114</v>
      </c>
      <c r="H47" s="1034"/>
    </row>
    <row r="48" spans="1:8" ht="15" customHeight="1" x14ac:dyDescent="0.2">
      <c r="A48" s="50" t="s">
        <v>238</v>
      </c>
      <c r="B48" s="928"/>
      <c r="C48" s="288" t="s">
        <v>163</v>
      </c>
      <c r="D48" s="304" t="s">
        <v>233</v>
      </c>
      <c r="E48" s="289" t="s">
        <v>401</v>
      </c>
      <c r="F48" s="304" t="s">
        <v>164</v>
      </c>
      <c r="G48" s="289" t="s">
        <v>402</v>
      </c>
      <c r="H48" s="1035"/>
    </row>
    <row r="49" spans="1:8" s="322" customFormat="1" x14ac:dyDescent="0.2">
      <c r="A49" s="268" t="s">
        <v>166</v>
      </c>
      <c r="B49" s="414">
        <v>960840700</v>
      </c>
      <c r="C49" s="402">
        <v>1052540210.75</v>
      </c>
      <c r="D49" s="651">
        <v>403645719.18000001</v>
      </c>
      <c r="E49" s="651">
        <v>38.349672065485976</v>
      </c>
      <c r="F49" s="415">
        <v>317496733.27999997</v>
      </c>
      <c r="G49" s="510">
        <v>30.16480796052095</v>
      </c>
      <c r="H49" s="417">
        <v>0</v>
      </c>
    </row>
    <row r="50" spans="1:8" x14ac:dyDescent="0.2">
      <c r="A50" s="97" t="s">
        <v>206</v>
      </c>
      <c r="B50" s="408">
        <v>330386300</v>
      </c>
      <c r="C50" s="409">
        <v>323465300</v>
      </c>
      <c r="D50" s="416">
        <v>125626418.2</v>
      </c>
      <c r="E50" s="507">
        <v>38.837680023174045</v>
      </c>
      <c r="F50" s="416">
        <v>117339741.59999999</v>
      </c>
      <c r="G50" s="507">
        <v>36.275835955201373</v>
      </c>
      <c r="H50" s="418"/>
    </row>
    <row r="51" spans="1:8" x14ac:dyDescent="0.2">
      <c r="A51" s="97" t="s">
        <v>239</v>
      </c>
      <c r="B51" s="408">
        <v>648000</v>
      </c>
      <c r="C51" s="409">
        <v>648000</v>
      </c>
      <c r="D51" s="416">
        <v>170000</v>
      </c>
      <c r="E51" s="633">
        <v>26.234567901234566</v>
      </c>
      <c r="F51" s="416">
        <v>159362.15</v>
      </c>
      <c r="G51" s="633">
        <v>24.592924382716049</v>
      </c>
      <c r="H51" s="418">
        <v>0</v>
      </c>
    </row>
    <row r="52" spans="1:8" x14ac:dyDescent="0.2">
      <c r="A52" s="97" t="s">
        <v>207</v>
      </c>
      <c r="B52" s="408">
        <v>629806400</v>
      </c>
      <c r="C52" s="408">
        <v>728426910.75</v>
      </c>
      <c r="D52" s="416">
        <v>277849300.98000002</v>
      </c>
      <c r="E52" s="507">
        <v>38.143744674935462</v>
      </c>
      <c r="F52" s="416">
        <v>199997629.53</v>
      </c>
      <c r="G52" s="507">
        <v>27.456101165191608</v>
      </c>
      <c r="H52" s="418"/>
    </row>
    <row r="53" spans="1:8" s="322" customFormat="1" x14ac:dyDescent="0.2">
      <c r="A53" s="100" t="s">
        <v>167</v>
      </c>
      <c r="B53" s="406">
        <v>206993000</v>
      </c>
      <c r="C53" s="406">
        <v>195597390</v>
      </c>
      <c r="D53" s="406">
        <v>17039677.690000001</v>
      </c>
      <c r="E53" s="510">
        <v>8.7116079054020101</v>
      </c>
      <c r="F53" s="415">
        <v>3102536.57</v>
      </c>
      <c r="G53" s="510">
        <v>1.5861850559457873</v>
      </c>
      <c r="H53" s="419">
        <v>0</v>
      </c>
    </row>
    <row r="54" spans="1:8" x14ac:dyDescent="0.2">
      <c r="A54" s="20" t="s">
        <v>240</v>
      </c>
      <c r="B54" s="408">
        <v>206571700</v>
      </c>
      <c r="C54" s="409">
        <v>195176090</v>
      </c>
      <c r="D54" s="416">
        <v>17039677.690000001</v>
      </c>
      <c r="E54" s="507">
        <v>8.7304124649694543</v>
      </c>
      <c r="F54" s="416">
        <v>3102536.57</v>
      </c>
      <c r="G54" s="507">
        <v>1.5896089372422615</v>
      </c>
      <c r="H54" s="418"/>
    </row>
    <row r="55" spans="1:8" x14ac:dyDescent="0.2">
      <c r="A55" s="20" t="s">
        <v>241</v>
      </c>
      <c r="B55" s="408">
        <v>1300</v>
      </c>
      <c r="C55" s="409">
        <v>1300</v>
      </c>
      <c r="D55" s="416">
        <v>0</v>
      </c>
      <c r="E55" s="507">
        <v>0</v>
      </c>
      <c r="F55" s="416">
        <v>0</v>
      </c>
      <c r="G55" s="507">
        <v>0</v>
      </c>
      <c r="H55" s="418"/>
    </row>
    <row r="56" spans="1:8" x14ac:dyDescent="0.2">
      <c r="A56" s="20" t="s">
        <v>242</v>
      </c>
      <c r="B56" s="408">
        <v>420000</v>
      </c>
      <c r="C56" s="409">
        <v>420000</v>
      </c>
      <c r="D56" s="416">
        <v>0</v>
      </c>
      <c r="E56" s="507">
        <v>0</v>
      </c>
      <c r="F56" s="416">
        <v>0</v>
      </c>
      <c r="G56" s="507">
        <v>0</v>
      </c>
      <c r="H56" s="420"/>
    </row>
    <row r="57" spans="1:8" ht="15" customHeight="1" x14ac:dyDescent="0.2">
      <c r="A57" s="265" t="s">
        <v>534</v>
      </c>
      <c r="B57" s="413">
        <v>1167833700</v>
      </c>
      <c r="C57" s="401">
        <v>1248137600.75</v>
      </c>
      <c r="D57" s="421">
        <v>420685396.87</v>
      </c>
      <c r="E57" s="517">
        <v>33.705049556812654</v>
      </c>
      <c r="F57" s="421">
        <v>320599269.84999996</v>
      </c>
      <c r="G57" s="517">
        <v>25.686211973531876</v>
      </c>
      <c r="H57" s="422">
        <v>0</v>
      </c>
    </row>
    <row r="58" spans="1:8" x14ac:dyDescent="0.2">
      <c r="A58" s="1086"/>
      <c r="B58" s="1086"/>
      <c r="C58" s="514"/>
      <c r="D58" s="514"/>
      <c r="E58" s="97"/>
    </row>
    <row r="59" spans="1:8" ht="15" customHeight="1" x14ac:dyDescent="0.2">
      <c r="A59" s="931" t="s">
        <v>374</v>
      </c>
      <c r="B59" s="927" t="s">
        <v>802</v>
      </c>
      <c r="C59" s="91" t="s">
        <v>157</v>
      </c>
      <c r="D59" s="929" t="s">
        <v>158</v>
      </c>
      <c r="E59" s="930"/>
      <c r="F59" s="929" t="s">
        <v>159</v>
      </c>
      <c r="G59" s="940"/>
      <c r="H59" s="1033" t="s">
        <v>624</v>
      </c>
    </row>
    <row r="60" spans="1:8" ht="24" customHeight="1" x14ac:dyDescent="0.2">
      <c r="A60" s="932"/>
      <c r="B60" s="1058"/>
      <c r="C60" s="92" t="s">
        <v>112</v>
      </c>
      <c r="D60" s="303" t="s">
        <v>115</v>
      </c>
      <c r="E60" s="290" t="s">
        <v>114</v>
      </c>
      <c r="F60" s="303" t="s">
        <v>115</v>
      </c>
      <c r="G60" s="290" t="s">
        <v>114</v>
      </c>
      <c r="H60" s="1034"/>
    </row>
    <row r="61" spans="1:8" ht="15" customHeight="1" x14ac:dyDescent="0.2">
      <c r="A61" s="933"/>
      <c r="B61" s="928"/>
      <c r="C61" s="110"/>
      <c r="D61" s="304" t="s">
        <v>165</v>
      </c>
      <c r="E61" s="289" t="s">
        <v>625</v>
      </c>
      <c r="F61" s="304" t="s">
        <v>353</v>
      </c>
      <c r="G61" s="289" t="s">
        <v>626</v>
      </c>
      <c r="H61" s="1035"/>
    </row>
    <row r="62" spans="1:8" ht="15" customHeight="1" x14ac:dyDescent="0.2">
      <c r="A62" s="324" t="s">
        <v>375</v>
      </c>
      <c r="B62" s="423">
        <v>0</v>
      </c>
      <c r="C62" s="426">
        <v>0</v>
      </c>
      <c r="D62" s="416">
        <v>0</v>
      </c>
      <c r="E62" s="610">
        <v>0</v>
      </c>
      <c r="F62" s="416">
        <v>0</v>
      </c>
      <c r="G62" s="510">
        <v>0</v>
      </c>
      <c r="H62" s="430">
        <v>0</v>
      </c>
    </row>
    <row r="63" spans="1:8" ht="24.95" customHeight="1" x14ac:dyDescent="0.2">
      <c r="A63" s="5" t="s">
        <v>376</v>
      </c>
      <c r="B63" s="424">
        <v>0</v>
      </c>
      <c r="C63" s="427">
        <v>0</v>
      </c>
      <c r="D63" s="416">
        <v>0</v>
      </c>
      <c r="E63" s="608">
        <v>0</v>
      </c>
      <c r="F63" s="507">
        <v>0</v>
      </c>
      <c r="G63" s="508">
        <v>0</v>
      </c>
      <c r="H63" s="418">
        <v>0</v>
      </c>
    </row>
    <row r="64" spans="1:8" x14ac:dyDescent="0.2">
      <c r="A64" s="325" t="s">
        <v>403</v>
      </c>
      <c r="B64" s="714">
        <v>103234000</v>
      </c>
      <c r="C64" s="715">
        <v>103584000</v>
      </c>
      <c r="D64" s="415">
        <v>35623879.890000001</v>
      </c>
      <c r="E64" s="709">
        <v>8.4680571645819391</v>
      </c>
      <c r="F64" s="711">
        <v>15506446.43</v>
      </c>
      <c r="G64" s="708">
        <v>4.8367067202788894</v>
      </c>
      <c r="H64" s="419">
        <v>0</v>
      </c>
    </row>
    <row r="65" spans="1:8" x14ac:dyDescent="0.2">
      <c r="A65" s="90" t="s">
        <v>404</v>
      </c>
      <c r="B65" s="425">
        <v>15598000</v>
      </c>
      <c r="C65" s="425">
        <v>15948000</v>
      </c>
      <c r="D65" s="416">
        <v>10462269.119999999</v>
      </c>
      <c r="E65" s="609">
        <v>2.4869579970785258</v>
      </c>
      <c r="F65" s="428">
        <v>1428409.58</v>
      </c>
      <c r="G65" s="718">
        <v>0.44554361607508208</v>
      </c>
      <c r="H65" s="418">
        <v>0</v>
      </c>
    </row>
    <row r="66" spans="1:8" x14ac:dyDescent="0.2">
      <c r="A66" s="90" t="s">
        <v>377</v>
      </c>
      <c r="B66" s="425">
        <v>15000000</v>
      </c>
      <c r="C66" s="425">
        <v>15000000</v>
      </c>
      <c r="D66" s="416">
        <v>0</v>
      </c>
      <c r="E66" s="609">
        <v>0</v>
      </c>
      <c r="F66" s="428">
        <v>0</v>
      </c>
      <c r="G66" s="718">
        <v>0</v>
      </c>
      <c r="H66" s="418">
        <v>0</v>
      </c>
    </row>
    <row r="67" spans="1:8" x14ac:dyDescent="0.2">
      <c r="A67" s="111" t="s">
        <v>378</v>
      </c>
      <c r="B67" s="425">
        <v>72636000</v>
      </c>
      <c r="C67" s="425">
        <v>72636000</v>
      </c>
      <c r="D67" s="425">
        <v>25161610.77</v>
      </c>
      <c r="E67" s="408">
        <v>5.9810991675034133</v>
      </c>
      <c r="F67" s="429">
        <v>14078036.85</v>
      </c>
      <c r="G67" s="718">
        <v>4.3911631042038071</v>
      </c>
      <c r="H67" s="418">
        <v>0</v>
      </c>
    </row>
    <row r="68" spans="1:8" x14ac:dyDescent="0.2">
      <c r="A68" s="326" t="s">
        <v>379</v>
      </c>
      <c r="B68" s="411">
        <v>151939000</v>
      </c>
      <c r="C68" s="411">
        <v>162512000</v>
      </c>
      <c r="D68" s="411">
        <v>40476390.640000001</v>
      </c>
      <c r="E68" s="406">
        <v>9.6215345103856773</v>
      </c>
      <c r="F68" s="653">
        <v>19503391.969999999</v>
      </c>
      <c r="G68" s="719">
        <v>6.0834174635285745</v>
      </c>
      <c r="H68" s="419">
        <v>0</v>
      </c>
    </row>
    <row r="69" spans="1:8" ht="32.25" x14ac:dyDescent="0.2">
      <c r="A69" s="5" t="s">
        <v>803</v>
      </c>
      <c r="B69" s="708">
        <v>0</v>
      </c>
      <c r="C69" s="708">
        <v>0</v>
      </c>
      <c r="D69" s="411">
        <v>0</v>
      </c>
      <c r="E69" s="406">
        <v>0</v>
      </c>
      <c r="F69" s="708">
        <v>0</v>
      </c>
      <c r="G69" s="719">
        <v>0</v>
      </c>
      <c r="H69" s="419">
        <v>0</v>
      </c>
    </row>
    <row r="70" spans="1:8" ht="21.75" x14ac:dyDescent="0.2">
      <c r="A70" s="326" t="s">
        <v>804</v>
      </c>
      <c r="B70" s="411">
        <v>0</v>
      </c>
      <c r="C70" s="411">
        <v>0</v>
      </c>
      <c r="D70" s="411">
        <v>0</v>
      </c>
      <c r="E70" s="406">
        <v>0</v>
      </c>
      <c r="F70" s="653">
        <v>0</v>
      </c>
      <c r="G70" s="719">
        <v>0</v>
      </c>
      <c r="H70" s="419">
        <v>0</v>
      </c>
    </row>
    <row r="71" spans="1:8" ht="42.75" x14ac:dyDescent="0.2">
      <c r="A71" s="14" t="s">
        <v>805</v>
      </c>
      <c r="B71" s="411">
        <v>0</v>
      </c>
      <c r="C71" s="411">
        <v>0</v>
      </c>
      <c r="D71" s="411">
        <v>0</v>
      </c>
      <c r="E71" s="406">
        <v>0</v>
      </c>
      <c r="F71" s="653">
        <v>0</v>
      </c>
      <c r="G71" s="719">
        <v>0</v>
      </c>
      <c r="H71" s="716">
        <v>0</v>
      </c>
    </row>
    <row r="72" spans="1:8" s="253" customFormat="1" ht="16.5" customHeight="1" x14ac:dyDescent="0.2">
      <c r="A72" s="319" t="s">
        <v>450</v>
      </c>
      <c r="B72" s="422">
        <v>255173000</v>
      </c>
      <c r="C72" s="401">
        <v>266096000</v>
      </c>
      <c r="D72" s="422">
        <v>76100270.530000001</v>
      </c>
      <c r="E72" s="413">
        <v>18.089591674967618</v>
      </c>
      <c r="F72" s="422">
        <v>35009838.399999999</v>
      </c>
      <c r="G72" s="422">
        <v>10.920124183807465</v>
      </c>
      <c r="H72" s="422">
        <v>0</v>
      </c>
    </row>
    <row r="73" spans="1:8" s="20" customFormat="1" x14ac:dyDescent="0.2">
      <c r="A73" s="112"/>
      <c r="B73" s="112"/>
      <c r="C73" s="112"/>
      <c r="D73" s="112"/>
      <c r="E73" s="519"/>
      <c r="F73" s="307"/>
      <c r="G73" s="514"/>
      <c r="H73" s="307"/>
    </row>
    <row r="74" spans="1:8" s="253" customFormat="1" ht="22.5" customHeight="1" x14ac:dyDescent="0.2">
      <c r="A74" s="327" t="s">
        <v>451</v>
      </c>
      <c r="B74" s="403">
        <v>912660700</v>
      </c>
      <c r="C74" s="403">
        <v>982041600.75</v>
      </c>
      <c r="D74" s="403">
        <v>344585126.34000003</v>
      </c>
      <c r="E74" s="520">
        <v>81.910408325032392</v>
      </c>
      <c r="F74" s="422">
        <v>285589431.44999999</v>
      </c>
      <c r="G74" s="421">
        <v>89.079875816192541</v>
      </c>
      <c r="H74" s="431">
        <v>0</v>
      </c>
    </row>
    <row r="75" spans="1:8" x14ac:dyDescent="0.2">
      <c r="A75" s="114"/>
      <c r="B75" s="94"/>
      <c r="C75" s="296"/>
      <c r="D75" s="97"/>
      <c r="E75" s="97"/>
      <c r="G75" s="105"/>
      <c r="H75" s="307"/>
    </row>
    <row r="76" spans="1:8" ht="24.75" customHeight="1" x14ac:dyDescent="0.2">
      <c r="A76" s="886" t="s">
        <v>627</v>
      </c>
      <c r="B76" s="886"/>
      <c r="C76" s="886"/>
      <c r="D76" s="887"/>
      <c r="E76" s="1082">
        <v>11.726378705092177</v>
      </c>
      <c r="F76" s="1083">
        <v>1.1545937965529802E-6</v>
      </c>
      <c r="G76" s="1083">
        <v>4.0256152136955201</v>
      </c>
      <c r="H76" s="1083">
        <v>3.6576436092878951E-6</v>
      </c>
    </row>
    <row r="77" spans="1:8" ht="12.75" customHeight="1" x14ac:dyDescent="0.2">
      <c r="A77" s="6"/>
      <c r="B77" s="6"/>
      <c r="C77" s="6"/>
      <c r="D77" s="6"/>
      <c r="E77" s="115"/>
      <c r="F77" s="116"/>
      <c r="G77" s="116"/>
      <c r="H77" s="307"/>
    </row>
    <row r="78" spans="1:8" ht="25.5" customHeight="1" x14ac:dyDescent="0.2">
      <c r="A78" s="886" t="s">
        <v>628</v>
      </c>
      <c r="B78" s="886"/>
      <c r="C78" s="886"/>
      <c r="D78" s="887"/>
      <c r="E78" s="1080">
        <v>-6663894.4562999606</v>
      </c>
      <c r="F78" s="1081"/>
      <c r="G78" s="1081"/>
      <c r="H78" s="1081"/>
    </row>
    <row r="79" spans="1:8" x14ac:dyDescent="0.2">
      <c r="A79" s="7"/>
      <c r="B79" s="7"/>
      <c r="C79" s="7"/>
      <c r="D79" s="7"/>
      <c r="E79" s="101"/>
      <c r="F79" s="113"/>
      <c r="G79" s="113"/>
    </row>
    <row r="80" spans="1:8" ht="13.5" customHeight="1" x14ac:dyDescent="0.2">
      <c r="A80" s="934" t="s">
        <v>452</v>
      </c>
      <c r="B80" s="931"/>
      <c r="C80" s="927" t="s">
        <v>535</v>
      </c>
      <c r="D80" s="927" t="s">
        <v>807</v>
      </c>
      <c r="E80" s="927" t="s">
        <v>380</v>
      </c>
      <c r="F80" s="927" t="s">
        <v>381</v>
      </c>
      <c r="G80" s="1033" t="s">
        <v>536</v>
      </c>
      <c r="H80" s="934"/>
    </row>
    <row r="81" spans="1:8" ht="21" customHeight="1" x14ac:dyDescent="0.2">
      <c r="A81" s="936"/>
      <c r="B81" s="933"/>
      <c r="C81" s="928"/>
      <c r="D81" s="928"/>
      <c r="E81" s="928"/>
      <c r="F81" s="928"/>
      <c r="G81" s="1035"/>
      <c r="H81" s="936"/>
    </row>
    <row r="82" spans="1:8" ht="15" customHeight="1" x14ac:dyDescent="0.2">
      <c r="A82" s="8" t="s">
        <v>806</v>
      </c>
      <c r="B82" s="117"/>
      <c r="C82" s="650">
        <v>10778747.83</v>
      </c>
      <c r="D82" s="706">
        <v>579740.66</v>
      </c>
      <c r="E82" s="521">
        <v>1911606.21</v>
      </c>
      <c r="F82" s="522">
        <v>8287400.96</v>
      </c>
      <c r="G82" s="1073">
        <v>3008766.73</v>
      </c>
      <c r="H82" s="1074"/>
    </row>
    <row r="83" spans="1:8" ht="12.75" customHeight="1" x14ac:dyDescent="0.2">
      <c r="A83" s="11" t="s">
        <v>808</v>
      </c>
      <c r="B83" s="118"/>
      <c r="C83" s="530">
        <v>826671.31</v>
      </c>
      <c r="D83" s="707">
        <v>0</v>
      </c>
      <c r="E83" s="523">
        <v>0</v>
      </c>
      <c r="F83" s="524">
        <v>826671.31</v>
      </c>
      <c r="G83" s="1073">
        <v>0</v>
      </c>
      <c r="H83" s="1074"/>
    </row>
    <row r="84" spans="1:8" ht="15" customHeight="1" x14ac:dyDescent="0.2">
      <c r="A84" s="319" t="s">
        <v>382</v>
      </c>
      <c r="B84" s="313"/>
      <c r="C84" s="525">
        <v>11605419.140000001</v>
      </c>
      <c r="D84" s="525">
        <v>579740.66</v>
      </c>
      <c r="E84" s="413">
        <v>1911606.21</v>
      </c>
      <c r="F84" s="413">
        <v>9114072.2699999996</v>
      </c>
      <c r="G84" s="509"/>
      <c r="H84" s="517">
        <v>3008766.73</v>
      </c>
    </row>
    <row r="85" spans="1:8" ht="12.75" customHeight="1" x14ac:dyDescent="0.2">
      <c r="A85" s="98"/>
      <c r="B85" s="307"/>
      <c r="C85" s="109"/>
      <c r="D85" s="307"/>
      <c r="E85" s="307"/>
      <c r="F85" s="105"/>
      <c r="G85" s="105"/>
      <c r="H85" s="105"/>
    </row>
    <row r="86" spans="1:8" ht="12.75" customHeight="1" x14ac:dyDescent="0.2">
      <c r="A86" s="935" t="s">
        <v>383</v>
      </c>
      <c r="B86" s="932"/>
      <c r="C86" s="1034" t="s">
        <v>440</v>
      </c>
      <c r="D86" s="935"/>
      <c r="E86" s="935"/>
      <c r="F86" s="935"/>
      <c r="G86" s="935"/>
      <c r="H86" s="935"/>
    </row>
    <row r="87" spans="1:8" ht="15.75" customHeight="1" x14ac:dyDescent="0.2">
      <c r="A87" s="935"/>
      <c r="B87" s="932"/>
      <c r="C87" s="1035"/>
      <c r="D87" s="936"/>
      <c r="E87" s="936"/>
      <c r="F87" s="936"/>
      <c r="G87" s="936"/>
      <c r="H87" s="936"/>
    </row>
    <row r="88" spans="1:8" ht="14.25" customHeight="1" x14ac:dyDescent="0.2">
      <c r="A88" s="935"/>
      <c r="B88" s="932"/>
      <c r="C88" s="927" t="s">
        <v>384</v>
      </c>
      <c r="D88" s="1034" t="s">
        <v>385</v>
      </c>
      <c r="E88" s="935"/>
      <c r="F88" s="1033" t="s">
        <v>386</v>
      </c>
      <c r="G88" s="934"/>
      <c r="H88" s="934"/>
    </row>
    <row r="89" spans="1:8" ht="11.25" customHeight="1" x14ac:dyDescent="0.2">
      <c r="A89" s="935"/>
      <c r="B89" s="932"/>
      <c r="C89" s="1058"/>
      <c r="D89" s="1034"/>
      <c r="E89" s="935"/>
      <c r="F89" s="1034"/>
      <c r="G89" s="935"/>
      <c r="H89" s="935"/>
    </row>
    <row r="90" spans="1:8" ht="12.75" customHeight="1" x14ac:dyDescent="0.2">
      <c r="A90" s="936"/>
      <c r="B90" s="933"/>
      <c r="C90" s="928"/>
      <c r="D90" s="1035" t="s">
        <v>350</v>
      </c>
      <c r="E90" s="936"/>
      <c r="F90" s="1035"/>
      <c r="G90" s="936"/>
      <c r="H90" s="936"/>
    </row>
    <row r="91" spans="1:8" ht="13.5" customHeight="1" x14ac:dyDescent="0.2">
      <c r="A91" s="284" t="s">
        <v>810</v>
      </c>
      <c r="B91" s="9"/>
      <c r="C91" s="10"/>
      <c r="D91" s="1075"/>
      <c r="E91" s="1076"/>
      <c r="F91" s="1077"/>
      <c r="G91" s="1078"/>
      <c r="H91" s="1078"/>
    </row>
    <row r="92" spans="1:8" ht="13.5" customHeight="1" x14ac:dyDescent="0.2">
      <c r="A92" s="285" t="s">
        <v>809</v>
      </c>
      <c r="B92" s="12"/>
      <c r="C92" s="13"/>
      <c r="D92" s="1063"/>
      <c r="E92" s="1064"/>
      <c r="F92" s="1065"/>
      <c r="G92" s="1066"/>
      <c r="H92" s="1066"/>
    </row>
    <row r="93" spans="1:8" ht="13.5" customHeight="1" x14ac:dyDescent="0.2">
      <c r="A93" s="11"/>
      <c r="B93" s="12"/>
      <c r="C93" s="13"/>
      <c r="D93" s="1069"/>
      <c r="E93" s="1070"/>
      <c r="F93" s="1071"/>
      <c r="G93" s="1072"/>
      <c r="H93" s="1072"/>
    </row>
    <row r="94" spans="1:8" ht="15" customHeight="1" x14ac:dyDescent="0.2">
      <c r="A94" s="1010" t="s">
        <v>388</v>
      </c>
      <c r="B94" s="1085"/>
      <c r="C94" s="328"/>
      <c r="D94" s="1067"/>
      <c r="E94" s="1068"/>
      <c r="F94" s="929"/>
      <c r="G94" s="940"/>
      <c r="H94" s="940"/>
    </row>
    <row r="95" spans="1:8" ht="12.75" customHeight="1" x14ac:dyDescent="0.2">
      <c r="A95" s="97"/>
      <c r="B95" s="97"/>
      <c r="C95" s="97"/>
      <c r="D95" s="97"/>
      <c r="E95" s="97"/>
      <c r="F95" s="113"/>
    </row>
    <row r="96" spans="1:8" ht="12.75" customHeight="1" x14ac:dyDescent="0.2">
      <c r="A96" s="934" t="s">
        <v>453</v>
      </c>
      <c r="B96" s="931"/>
      <c r="C96" s="1033" t="s">
        <v>387</v>
      </c>
      <c r="D96" s="934"/>
      <c r="E96" s="934"/>
      <c r="F96" s="934"/>
      <c r="G96" s="934"/>
      <c r="H96" s="934"/>
    </row>
    <row r="97" spans="1:8" ht="15.75" customHeight="1" x14ac:dyDescent="0.2">
      <c r="A97" s="935"/>
      <c r="B97" s="932"/>
      <c r="C97" s="1035"/>
      <c r="D97" s="936"/>
      <c r="E97" s="936"/>
      <c r="F97" s="936"/>
      <c r="G97" s="936"/>
      <c r="H97" s="936"/>
    </row>
    <row r="98" spans="1:8" ht="15" customHeight="1" x14ac:dyDescent="0.2">
      <c r="A98" s="935"/>
      <c r="B98" s="932"/>
      <c r="C98" s="927" t="s">
        <v>384</v>
      </c>
      <c r="D98" s="1034" t="s">
        <v>385</v>
      </c>
      <c r="E98" s="935"/>
      <c r="F98" s="1034" t="s">
        <v>386</v>
      </c>
      <c r="G98" s="935"/>
      <c r="H98" s="935"/>
    </row>
    <row r="99" spans="1:8" x14ac:dyDescent="0.2">
      <c r="A99" s="935"/>
      <c r="B99" s="932"/>
      <c r="C99" s="1058"/>
      <c r="D99" s="1034"/>
      <c r="E99" s="935"/>
      <c r="F99" s="1034"/>
      <c r="G99" s="935"/>
      <c r="H99" s="935"/>
    </row>
    <row r="100" spans="1:8" ht="15" customHeight="1" x14ac:dyDescent="0.2">
      <c r="A100" s="936"/>
      <c r="B100" s="933"/>
      <c r="C100" s="928"/>
      <c r="D100" s="1035" t="s">
        <v>351</v>
      </c>
      <c r="E100" s="936"/>
      <c r="F100" s="1035"/>
      <c r="G100" s="936"/>
      <c r="H100" s="936"/>
    </row>
    <row r="101" spans="1:8" x14ac:dyDescent="0.2">
      <c r="A101" s="284" t="s">
        <v>812</v>
      </c>
      <c r="B101" s="9"/>
      <c r="C101" s="10"/>
      <c r="D101" s="1075"/>
      <c r="E101" s="1076"/>
      <c r="F101" s="1077"/>
      <c r="G101" s="1078"/>
      <c r="H101" s="1078"/>
    </row>
    <row r="102" spans="1:8" x14ac:dyDescent="0.2">
      <c r="A102" s="285" t="s">
        <v>811</v>
      </c>
      <c r="B102" s="12"/>
      <c r="C102" s="13"/>
      <c r="D102" s="1063"/>
      <c r="E102" s="1064"/>
      <c r="F102" s="1065"/>
      <c r="G102" s="1066"/>
      <c r="H102" s="1066"/>
    </row>
    <row r="103" spans="1:8" x14ac:dyDescent="0.2">
      <c r="A103" s="11"/>
      <c r="B103" s="12"/>
      <c r="C103" s="13"/>
      <c r="D103" s="1069"/>
      <c r="E103" s="1070"/>
      <c r="F103" s="1071"/>
      <c r="G103" s="1072"/>
      <c r="H103" s="1072"/>
    </row>
    <row r="104" spans="1:8" ht="15" customHeight="1" x14ac:dyDescent="0.2">
      <c r="A104" s="1084" t="s">
        <v>454</v>
      </c>
      <c r="B104" s="1084"/>
      <c r="C104" s="328"/>
      <c r="D104" s="1067"/>
      <c r="E104" s="1068"/>
      <c r="F104" s="929"/>
      <c r="G104" s="940"/>
      <c r="H104" s="940"/>
    </row>
    <row r="105" spans="1:8" x14ac:dyDescent="0.2">
      <c r="A105" s="97"/>
      <c r="B105" s="307"/>
      <c r="C105" s="103"/>
      <c r="D105" s="97"/>
      <c r="E105" s="97"/>
    </row>
    <row r="106" spans="1:8" ht="15" customHeight="1" x14ac:dyDescent="0.2">
      <c r="A106" s="961" t="s">
        <v>237</v>
      </c>
      <c r="B106" s="927" t="s">
        <v>802</v>
      </c>
      <c r="C106" s="927" t="s">
        <v>236</v>
      </c>
      <c r="D106" s="929" t="s">
        <v>158</v>
      </c>
      <c r="E106" s="940"/>
      <c r="F106" s="929" t="s">
        <v>159</v>
      </c>
      <c r="G106" s="940"/>
      <c r="H106" s="1033" t="s">
        <v>624</v>
      </c>
    </row>
    <row r="107" spans="1:8" ht="21.75" customHeight="1" x14ac:dyDescent="0.2">
      <c r="A107" s="957"/>
      <c r="B107" s="1058"/>
      <c r="C107" s="1058"/>
      <c r="D107" s="91" t="s">
        <v>115</v>
      </c>
      <c r="E107" s="290" t="s">
        <v>114</v>
      </c>
      <c r="F107" s="91" t="s">
        <v>115</v>
      </c>
      <c r="G107" s="290" t="s">
        <v>114</v>
      </c>
      <c r="H107" s="1034"/>
    </row>
    <row r="108" spans="1:8" ht="21.75" customHeight="1" x14ac:dyDescent="0.2">
      <c r="A108" s="51" t="s">
        <v>244</v>
      </c>
      <c r="B108" s="928"/>
      <c r="C108" s="928"/>
      <c r="D108" s="304" t="s">
        <v>389</v>
      </c>
      <c r="E108" s="297" t="s">
        <v>390</v>
      </c>
      <c r="F108" s="304" t="s">
        <v>391</v>
      </c>
      <c r="G108" s="297" t="s">
        <v>392</v>
      </c>
      <c r="H108" s="1035"/>
    </row>
    <row r="109" spans="1:8" x14ac:dyDescent="0.2">
      <c r="A109" s="97" t="s">
        <v>245</v>
      </c>
      <c r="B109" s="408">
        <v>64744900</v>
      </c>
      <c r="C109" s="408">
        <v>67506500</v>
      </c>
      <c r="D109" s="416">
        <v>13621401.689999999</v>
      </c>
      <c r="E109" s="506">
        <v>3.2379069469362345</v>
      </c>
      <c r="F109" s="416">
        <v>10684474.539999999</v>
      </c>
      <c r="G109" s="506">
        <v>3.3326571657505597</v>
      </c>
      <c r="H109" s="106"/>
    </row>
    <row r="110" spans="1:8" x14ac:dyDescent="0.2">
      <c r="A110" s="97" t="s">
        <v>246</v>
      </c>
      <c r="B110" s="408">
        <v>547235100</v>
      </c>
      <c r="C110" s="408">
        <v>574091900</v>
      </c>
      <c r="D110" s="416">
        <v>181345921.63999999</v>
      </c>
      <c r="E110" s="503">
        <v>43.107253779013256</v>
      </c>
      <c r="F110" s="506">
        <v>110569065.26000001</v>
      </c>
      <c r="G110" s="502">
        <v>34.488246124743945</v>
      </c>
      <c r="H110" s="107"/>
    </row>
    <row r="111" spans="1:8" x14ac:dyDescent="0.2">
      <c r="A111" s="97" t="s">
        <v>247</v>
      </c>
      <c r="B111" s="408">
        <v>76302000</v>
      </c>
      <c r="C111" s="408">
        <v>77012400</v>
      </c>
      <c r="D111" s="416">
        <v>19198797.870000001</v>
      </c>
      <c r="E111" s="503">
        <v>4.5636948686224077</v>
      </c>
      <c r="F111" s="506">
        <v>11746296.960000001</v>
      </c>
      <c r="G111" s="502">
        <v>3.6638564290853761</v>
      </c>
      <c r="H111" s="107"/>
    </row>
    <row r="112" spans="1:8" x14ac:dyDescent="0.2">
      <c r="A112" s="97" t="s">
        <v>248</v>
      </c>
      <c r="B112" s="408">
        <v>17209600</v>
      </c>
      <c r="C112" s="408">
        <v>17559600</v>
      </c>
      <c r="D112" s="416">
        <v>11031385.970000001</v>
      </c>
      <c r="E112" s="503">
        <v>2.6222412406221256</v>
      </c>
      <c r="F112" s="506">
        <v>1460595.82</v>
      </c>
      <c r="G112" s="502">
        <v>0.45558301510897842</v>
      </c>
      <c r="H112" s="107"/>
    </row>
    <row r="113" spans="1:8" x14ac:dyDescent="0.2">
      <c r="A113" s="97" t="s">
        <v>249</v>
      </c>
      <c r="B113" s="408">
        <v>21294500</v>
      </c>
      <c r="C113" s="408">
        <v>21294500</v>
      </c>
      <c r="D113" s="416">
        <v>2079254.37</v>
      </c>
      <c r="E113" s="503">
        <v>0.49425399252509122</v>
      </c>
      <c r="F113" s="506">
        <v>953040.88</v>
      </c>
      <c r="G113" s="502">
        <v>0.29726857470570744</v>
      </c>
      <c r="H113" s="107"/>
    </row>
    <row r="114" spans="1:8" x14ac:dyDescent="0.2">
      <c r="A114" s="97" t="s">
        <v>250</v>
      </c>
      <c r="B114" s="408">
        <v>108000</v>
      </c>
      <c r="C114" s="408">
        <v>108000</v>
      </c>
      <c r="D114" s="416">
        <v>31840</v>
      </c>
      <c r="E114" s="503">
        <v>7.5686012010155847E-3</v>
      </c>
      <c r="F114" s="506">
        <v>113.76</v>
      </c>
      <c r="G114" s="502">
        <v>3.5483549308526283E-5</v>
      </c>
      <c r="H114" s="107"/>
    </row>
    <row r="115" spans="1:8" x14ac:dyDescent="0.2">
      <c r="A115" s="103" t="s">
        <v>232</v>
      </c>
      <c r="B115" s="516">
        <v>440939600</v>
      </c>
      <c r="C115" s="516">
        <v>490564700.75</v>
      </c>
      <c r="D115" s="416">
        <v>193376795.33000001</v>
      </c>
      <c r="E115" s="503">
        <v>45.967080571079869</v>
      </c>
      <c r="F115" s="506">
        <v>185185682.63</v>
      </c>
      <c r="G115" s="502">
        <v>57.762353207056115</v>
      </c>
      <c r="H115" s="108"/>
    </row>
    <row r="116" spans="1:8" ht="15" customHeight="1" x14ac:dyDescent="0.2">
      <c r="A116" s="265" t="s">
        <v>170</v>
      </c>
      <c r="B116" s="413">
        <v>1167833700</v>
      </c>
      <c r="C116" s="413">
        <v>1248137600.75</v>
      </c>
      <c r="D116" s="421">
        <v>420685396.87</v>
      </c>
      <c r="E116" s="505">
        <v>100</v>
      </c>
      <c r="F116" s="517">
        <v>320599269.85000002</v>
      </c>
      <c r="G116" s="504">
        <v>100</v>
      </c>
      <c r="H116" s="422">
        <v>0</v>
      </c>
    </row>
    <row r="117" spans="1:8" ht="10.5" customHeight="1" x14ac:dyDescent="0.2">
      <c r="A117" s="205" t="s">
        <v>877</v>
      </c>
      <c r="E117" s="205"/>
      <c r="F117" s="113"/>
      <c r="G117" s="113"/>
      <c r="H117" s="339"/>
    </row>
    <row r="118" spans="1:8" ht="11.25" x14ac:dyDescent="0.2">
      <c r="A118" s="97" t="s">
        <v>0</v>
      </c>
      <c r="B118" s="120"/>
      <c r="C118" s="120"/>
      <c r="D118" s="97"/>
      <c r="E118" s="514"/>
      <c r="F118" s="113"/>
      <c r="G118" s="113"/>
    </row>
    <row r="119" spans="1:8" ht="11.25" x14ac:dyDescent="0.2">
      <c r="A119" s="97" t="s">
        <v>629</v>
      </c>
      <c r="B119" s="120"/>
      <c r="C119" s="120"/>
      <c r="D119" s="97"/>
      <c r="E119" s="514"/>
      <c r="F119" s="113"/>
      <c r="G119" s="113"/>
    </row>
    <row r="120" spans="1:8" ht="11.25" x14ac:dyDescent="0.2">
      <c r="A120" s="97" t="s">
        <v>630</v>
      </c>
      <c r="B120" s="120"/>
      <c r="C120" s="120"/>
      <c r="D120" s="97"/>
      <c r="E120" s="97"/>
      <c r="F120" s="113"/>
      <c r="G120" s="113"/>
    </row>
    <row r="121" spans="1:8" ht="11.25" x14ac:dyDescent="0.2">
      <c r="A121" s="20" t="s">
        <v>631</v>
      </c>
      <c r="B121" s="121"/>
      <c r="C121" s="121"/>
      <c r="D121" s="97"/>
      <c r="E121" s="97"/>
      <c r="F121" s="113"/>
      <c r="G121" s="113"/>
    </row>
    <row r="122" spans="1:8" ht="11.25" x14ac:dyDescent="0.2">
      <c r="A122" s="20" t="s">
        <v>632</v>
      </c>
    </row>
    <row r="123" spans="1:8" ht="11.25" x14ac:dyDescent="0.2">
      <c r="A123" s="122" t="s">
        <v>633</v>
      </c>
    </row>
    <row r="124" spans="1:8" x14ac:dyDescent="0.2">
      <c r="A124" s="1020" t="s">
        <v>634</v>
      </c>
      <c r="B124" s="1020"/>
      <c r="C124" s="1020"/>
    </row>
    <row r="125" spans="1:8" x14ac:dyDescent="0.2">
      <c r="E125" s="429"/>
    </row>
    <row r="126" spans="1:8" x14ac:dyDescent="0.2">
      <c r="B126" s="429"/>
      <c r="C126" s="429"/>
      <c r="D126" s="429"/>
      <c r="E126" s="429"/>
      <c r="F126" s="429"/>
      <c r="G126" s="429"/>
    </row>
    <row r="127" spans="1:8" x14ac:dyDescent="0.2">
      <c r="B127" s="429"/>
    </row>
  </sheetData>
  <customSheetViews>
    <customSheetView guid="{6DBFA32C-4AA4-4E1D-9A48-697377C64CC3}" showPageBreaks="1" showGridLines="0" fitToPage="1" printArea="1" topLeftCell="A7">
      <selection activeCell="A23" sqref="A23"/>
      <pageMargins left="0.19685039370078741" right="0.19685039370078741" top="0.78740157480314965" bottom="0.98425196850393704" header="0" footer="0"/>
      <printOptions horizontalCentered="1"/>
      <pageSetup paperSize="9" scale="54" fitToHeight="2" orientation="portrait" r:id="rId1"/>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2"/>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3"/>
    </customSheetView>
    <customSheetView guid="{82EDB5A4-4824-4632-A540-7A52C92F04C7}" showPageBreaks="1" showGridLines="0" fitToPage="1" printArea="1" topLeftCell="A41">
      <selection activeCell="F52" sqref="F52"/>
      <pageMargins left="0.19685039370078741" right="0.19685039370078741" top="0.59055118110236227" bottom="0.39370078740157483" header="0" footer="0"/>
      <printOptions horizontalCentered="1"/>
      <pageSetup paperSize="9" scale="54" fitToHeight="2" orientation="portrait" r:id="rId4"/>
    </customSheetView>
    <customSheetView guid="{3AAF6A5F-F9AA-430B-9AD9-1261ECDF41B5}" showPageBreaks="1" showGridLines="0" fitToPage="1" topLeftCell="A28">
      <selection activeCell="G42" sqref="G42:H42"/>
      <pageMargins left="0.19685039370078741" right="0.19685039370078741" top="0.19685039370078741" bottom="0.19685039370078741" header="0.31496062992125984" footer="0.31496062992125984"/>
      <printOptions horizontalCentered="1"/>
      <pageSetup paperSize="9" scale="27" orientation="portrait" r:id="rId5"/>
    </customSheetView>
    <customSheetView guid="{C779D862-DE28-46CD-A428-4AAA1056D1E1}" showPageBreaks="1" showGridLines="0" fitToPage="1" printArea="1">
      <pageMargins left="0.19685039370078741" right="0.19685039370078741" top="0.59055118110236227" bottom="0.78740157480314965" header="0" footer="0"/>
      <printOptions horizontalCentered="1"/>
      <pageSetup paperSize="9" scale="53" fitToHeight="2" orientation="portrait" r:id="rId6"/>
    </customSheetView>
    <customSheetView guid="{25EF1E0D-169B-4051-B414-7E1196FC05E4}" showPageBreaks="1" showGridLines="0" fitToPage="1" printArea="1" topLeftCell="B70">
      <selection activeCell="G13" sqref="G13:H13"/>
      <pageMargins left="0.19685039370078741" right="0.19685039370078741" top="0.19685039370078741" bottom="0.19685039370078741" header="0" footer="0"/>
      <printOptions horizontalCentered="1"/>
      <pageSetup paperSize="9" scale="43" orientation="portrait" r:id="rId7"/>
    </customSheetView>
  </customSheetViews>
  <mergeCells count="167">
    <mergeCell ref="A124:C124"/>
    <mergeCell ref="E10:H10"/>
    <mergeCell ref="E11:F11"/>
    <mergeCell ref="G11:H11"/>
    <mergeCell ref="E12:F12"/>
    <mergeCell ref="C96:H97"/>
    <mergeCell ref="F98:H100"/>
    <mergeCell ref="A86:B90"/>
    <mergeCell ref="D88:E89"/>
    <mergeCell ref="D90:E90"/>
    <mergeCell ref="G12:H12"/>
    <mergeCell ref="A33:A35"/>
    <mergeCell ref="E33:H33"/>
    <mergeCell ref="E34:F34"/>
    <mergeCell ref="G34:H34"/>
    <mergeCell ref="E35:F35"/>
    <mergeCell ref="E15:F15"/>
    <mergeCell ref="B33:B35"/>
    <mergeCell ref="B46:B48"/>
    <mergeCell ref="B59:B61"/>
    <mergeCell ref="G42:H42"/>
    <mergeCell ref="E43:F43"/>
    <mergeCell ref="G43:H43"/>
    <mergeCell ref="E44:F44"/>
    <mergeCell ref="C44:D44"/>
    <mergeCell ref="C42:D42"/>
    <mergeCell ref="C43:D43"/>
    <mergeCell ref="E42:F42"/>
    <mergeCell ref="G37:H37"/>
    <mergeCell ref="E38:F38"/>
    <mergeCell ref="G44:H44"/>
    <mergeCell ref="E39:F39"/>
    <mergeCell ref="G39:H39"/>
    <mergeCell ref="G41:H41"/>
    <mergeCell ref="A46:A47"/>
    <mergeCell ref="D46:E46"/>
    <mergeCell ref="F46:G46"/>
    <mergeCell ref="H46:H48"/>
    <mergeCell ref="A58:B58"/>
    <mergeCell ref="A59:A61"/>
    <mergeCell ref="D59:E59"/>
    <mergeCell ref="F59:G59"/>
    <mergeCell ref="H59:H61"/>
    <mergeCell ref="A106:A107"/>
    <mergeCell ref="D80:D81"/>
    <mergeCell ref="G80:H81"/>
    <mergeCell ref="A76:D76"/>
    <mergeCell ref="A78:D78"/>
    <mergeCell ref="E78:H78"/>
    <mergeCell ref="C80:C81"/>
    <mergeCell ref="E80:E81"/>
    <mergeCell ref="F80:F81"/>
    <mergeCell ref="A80:B81"/>
    <mergeCell ref="E76:H76"/>
    <mergeCell ref="A104:B104"/>
    <mergeCell ref="A96:B100"/>
    <mergeCell ref="B106:B108"/>
    <mergeCell ref="F103:H103"/>
    <mergeCell ref="F104:H104"/>
    <mergeCell ref="D103:E103"/>
    <mergeCell ref="D104:E104"/>
    <mergeCell ref="D98:E99"/>
    <mergeCell ref="A94:B94"/>
    <mergeCell ref="F94:H94"/>
    <mergeCell ref="D92:E92"/>
    <mergeCell ref="F92:H92"/>
    <mergeCell ref="C98:C100"/>
    <mergeCell ref="E36:F36"/>
    <mergeCell ref="E40:F40"/>
    <mergeCell ref="E41:F41"/>
    <mergeCell ref="C30:D30"/>
    <mergeCell ref="C31:D31"/>
    <mergeCell ref="E31:F31"/>
    <mergeCell ref="G31:H31"/>
    <mergeCell ref="E37:F37"/>
    <mergeCell ref="G40:H40"/>
    <mergeCell ref="C41:D41"/>
    <mergeCell ref="C35:D35"/>
    <mergeCell ref="C36:D36"/>
    <mergeCell ref="C37:D37"/>
    <mergeCell ref="C38:D38"/>
    <mergeCell ref="C39:D39"/>
    <mergeCell ref="C40:D40"/>
    <mergeCell ref="G35:H35"/>
    <mergeCell ref="G36:H36"/>
    <mergeCell ref="C33:D34"/>
    <mergeCell ref="G38:H38"/>
    <mergeCell ref="D102:E102"/>
    <mergeCell ref="C106:C108"/>
    <mergeCell ref="F102:H102"/>
    <mergeCell ref="D94:E94"/>
    <mergeCell ref="D93:E93"/>
    <mergeCell ref="F93:H93"/>
    <mergeCell ref="G82:H82"/>
    <mergeCell ref="G83:H83"/>
    <mergeCell ref="C86:H87"/>
    <mergeCell ref="F88:H90"/>
    <mergeCell ref="D106:E106"/>
    <mergeCell ref="F106:G106"/>
    <mergeCell ref="H106:H108"/>
    <mergeCell ref="C88:C90"/>
    <mergeCell ref="D91:E91"/>
    <mergeCell ref="F91:H91"/>
    <mergeCell ref="F101:H101"/>
    <mergeCell ref="D100:E100"/>
    <mergeCell ref="D101:E101"/>
    <mergeCell ref="A3:H3"/>
    <mergeCell ref="E13:F13"/>
    <mergeCell ref="G13:H13"/>
    <mergeCell ref="E14:F14"/>
    <mergeCell ref="G14:H14"/>
    <mergeCell ref="A10:A12"/>
    <mergeCell ref="B10:B12"/>
    <mergeCell ref="E19:F19"/>
    <mergeCell ref="C12:D12"/>
    <mergeCell ref="C13:D13"/>
    <mergeCell ref="C14:D14"/>
    <mergeCell ref="A4:H4"/>
    <mergeCell ref="A5:H5"/>
    <mergeCell ref="E16:F16"/>
    <mergeCell ref="G16:H16"/>
    <mergeCell ref="E17:F17"/>
    <mergeCell ref="E18:F18"/>
    <mergeCell ref="C15:D15"/>
    <mergeCell ref="C16:D16"/>
    <mergeCell ref="C17:D17"/>
    <mergeCell ref="C18:D18"/>
    <mergeCell ref="C19:D19"/>
    <mergeCell ref="C29:D29"/>
    <mergeCell ref="C23:D23"/>
    <mergeCell ref="C24:D24"/>
    <mergeCell ref="C25:D25"/>
    <mergeCell ref="C27:D27"/>
    <mergeCell ref="E29:F29"/>
    <mergeCell ref="E30:F30"/>
    <mergeCell ref="G30:H30"/>
    <mergeCell ref="G21:H21"/>
    <mergeCell ref="E22:F22"/>
    <mergeCell ref="G22:H22"/>
    <mergeCell ref="G29:H29"/>
    <mergeCell ref="G26:H26"/>
    <mergeCell ref="E27:F27"/>
    <mergeCell ref="G27:H27"/>
    <mergeCell ref="E28:F28"/>
    <mergeCell ref="G28:H28"/>
    <mergeCell ref="E23:F23"/>
    <mergeCell ref="G23:H23"/>
    <mergeCell ref="C26:D26"/>
    <mergeCell ref="E26:F26"/>
    <mergeCell ref="E20:F20"/>
    <mergeCell ref="A6:H6"/>
    <mergeCell ref="E21:F21"/>
    <mergeCell ref="A7:H7"/>
    <mergeCell ref="C10:D11"/>
    <mergeCell ref="C20:D20"/>
    <mergeCell ref="C21:D21"/>
    <mergeCell ref="C22:D22"/>
    <mergeCell ref="C28:D28"/>
    <mergeCell ref="E24:F24"/>
    <mergeCell ref="G24:H24"/>
    <mergeCell ref="E25:F25"/>
    <mergeCell ref="G25:H25"/>
    <mergeCell ref="G15:H15"/>
    <mergeCell ref="G17:H17"/>
    <mergeCell ref="G18:H18"/>
    <mergeCell ref="G19:H19"/>
    <mergeCell ref="G20:H20"/>
  </mergeCells>
  <printOptions horizontalCentered="1"/>
  <pageMargins left="0.19685039370078741" right="0.19685039370078741" top="0.59055118110236227" bottom="0.78740157480314965" header="0" footer="0"/>
  <pageSetup paperSize="9" scale="53" fitToHeight="2" orientation="portrait" r:id="rId8"/>
  <drawing r:id="rId9"/>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M44"/>
  <sheetViews>
    <sheetView showGridLines="0" zoomScaleNormal="100" workbookViewId="0"/>
  </sheetViews>
  <sheetFormatPr defaultRowHeight="11.25" customHeight="1" x14ac:dyDescent="0.2"/>
  <cols>
    <col min="1" max="1" width="48.85546875" style="305" customWidth="1"/>
    <col min="2" max="2" width="14.42578125" style="305" customWidth="1"/>
    <col min="3" max="3" width="19.140625" style="305" customWidth="1"/>
    <col min="4" max="12" width="6.7109375" style="305" customWidth="1"/>
    <col min="13" max="13" width="8" style="243" customWidth="1"/>
    <col min="14" max="245" width="9.140625" style="305"/>
    <col min="246" max="246" width="32" style="305" customWidth="1"/>
    <col min="247" max="247" width="9.140625" style="305"/>
    <col min="248" max="248" width="9.140625" style="305" customWidth="1"/>
    <col min="249" max="249" width="9.140625" style="305"/>
    <col min="250" max="250" width="9.140625" style="305" customWidth="1"/>
    <col min="251" max="251" width="7" style="305" customWidth="1"/>
    <col min="252" max="252" width="9.140625" style="305" customWidth="1"/>
    <col min="253" max="253" width="7.42578125" style="305" customWidth="1"/>
    <col min="254" max="254" width="9.140625" style="305" customWidth="1"/>
    <col min="255" max="255" width="7.42578125" style="305" customWidth="1"/>
    <col min="256" max="257" width="9.140625" style="305" customWidth="1"/>
    <col min="258" max="258" width="7.42578125" style="305" customWidth="1"/>
    <col min="259" max="259" width="9.140625" style="305" customWidth="1"/>
    <col min="260" max="260" width="7.85546875" style="305" customWidth="1"/>
    <col min="261" max="262" width="9.140625" style="305" customWidth="1"/>
    <col min="263" max="263" width="7.7109375" style="305" customWidth="1"/>
    <col min="264" max="264" width="9.140625" style="305" customWidth="1"/>
    <col min="265" max="265" width="7.5703125" style="305" customWidth="1"/>
    <col min="266" max="266" width="9.140625" style="305" customWidth="1"/>
    <col min="267" max="268" width="7.7109375" style="305" customWidth="1"/>
    <col min="269" max="269" width="8" style="305" customWidth="1"/>
    <col min="270" max="501" width="9.140625" style="305"/>
    <col min="502" max="502" width="32" style="305" customWidth="1"/>
    <col min="503" max="503" width="9.140625" style="305"/>
    <col min="504" max="504" width="9.140625" style="305" customWidth="1"/>
    <col min="505" max="505" width="9.140625" style="305"/>
    <col min="506" max="506" width="9.140625" style="305" customWidth="1"/>
    <col min="507" max="507" width="7" style="305" customWidth="1"/>
    <col min="508" max="508" width="9.140625" style="305" customWidth="1"/>
    <col min="509" max="509" width="7.42578125" style="305" customWidth="1"/>
    <col min="510" max="510" width="9.140625" style="305" customWidth="1"/>
    <col min="511" max="511" width="7.42578125" style="305" customWidth="1"/>
    <col min="512" max="513" width="9.140625" style="305" customWidth="1"/>
    <col min="514" max="514" width="7.42578125" style="305" customWidth="1"/>
    <col min="515" max="515" width="9.140625" style="305" customWidth="1"/>
    <col min="516" max="516" width="7.85546875" style="305" customWidth="1"/>
    <col min="517" max="518" width="9.140625" style="305" customWidth="1"/>
    <col min="519" max="519" width="7.7109375" style="305" customWidth="1"/>
    <col min="520" max="520" width="9.140625" style="305" customWidth="1"/>
    <col min="521" max="521" width="7.5703125" style="305" customWidth="1"/>
    <col min="522" max="522" width="9.140625" style="305" customWidth="1"/>
    <col min="523" max="524" width="7.7109375" style="305" customWidth="1"/>
    <col min="525" max="525" width="8" style="305" customWidth="1"/>
    <col min="526" max="757" width="9.140625" style="305"/>
    <col min="758" max="758" width="32" style="305" customWidth="1"/>
    <col min="759" max="759" width="9.140625" style="305"/>
    <col min="760" max="760" width="9.140625" style="305" customWidth="1"/>
    <col min="761" max="761" width="9.140625" style="305"/>
    <col min="762" max="762" width="9.140625" style="305" customWidth="1"/>
    <col min="763" max="763" width="7" style="305" customWidth="1"/>
    <col min="764" max="764" width="9.140625" style="305" customWidth="1"/>
    <col min="765" max="765" width="7.42578125" style="305" customWidth="1"/>
    <col min="766" max="766" width="9.140625" style="305" customWidth="1"/>
    <col min="767" max="767" width="7.42578125" style="305" customWidth="1"/>
    <col min="768" max="769" width="9.140625" style="305" customWidth="1"/>
    <col min="770" max="770" width="7.42578125" style="305" customWidth="1"/>
    <col min="771" max="771" width="9.140625" style="305" customWidth="1"/>
    <col min="772" max="772" width="7.85546875" style="305" customWidth="1"/>
    <col min="773" max="774" width="9.140625" style="305" customWidth="1"/>
    <col min="775" max="775" width="7.7109375" style="305" customWidth="1"/>
    <col min="776" max="776" width="9.140625" style="305" customWidth="1"/>
    <col min="777" max="777" width="7.5703125" style="305" customWidth="1"/>
    <col min="778" max="778" width="9.140625" style="305" customWidth="1"/>
    <col min="779" max="780" width="7.7109375" style="305" customWidth="1"/>
    <col min="781" max="781" width="8" style="305" customWidth="1"/>
    <col min="782" max="1013" width="9.140625" style="305"/>
    <col min="1014" max="1014" width="32" style="305" customWidth="1"/>
    <col min="1015" max="1015" width="9.140625" style="305"/>
    <col min="1016" max="1016" width="9.140625" style="305" customWidth="1"/>
    <col min="1017" max="1017" width="9.140625" style="305"/>
    <col min="1018" max="1018" width="9.140625" style="305" customWidth="1"/>
    <col min="1019" max="1019" width="7" style="305" customWidth="1"/>
    <col min="1020" max="1020" width="9.140625" style="305" customWidth="1"/>
    <col min="1021" max="1021" width="7.42578125" style="305" customWidth="1"/>
    <col min="1022" max="1022" width="9.140625" style="305" customWidth="1"/>
    <col min="1023" max="1023" width="7.42578125" style="305" customWidth="1"/>
    <col min="1024" max="1025" width="9.140625" style="305" customWidth="1"/>
    <col min="1026" max="1026" width="7.42578125" style="305" customWidth="1"/>
    <col min="1027" max="1027" width="9.140625" style="305" customWidth="1"/>
    <col min="1028" max="1028" width="7.85546875" style="305" customWidth="1"/>
    <col min="1029" max="1030" width="9.140625" style="305" customWidth="1"/>
    <col min="1031" max="1031" width="7.7109375" style="305" customWidth="1"/>
    <col min="1032" max="1032" width="9.140625" style="305" customWidth="1"/>
    <col min="1033" max="1033" width="7.5703125" style="305" customWidth="1"/>
    <col min="1034" max="1034" width="9.140625" style="305" customWidth="1"/>
    <col min="1035" max="1036" width="7.7109375" style="305" customWidth="1"/>
    <col min="1037" max="1037" width="8" style="305" customWidth="1"/>
    <col min="1038" max="1269" width="9.140625" style="305"/>
    <col min="1270" max="1270" width="32" style="305" customWidth="1"/>
    <col min="1271" max="1271" width="9.140625" style="305"/>
    <col min="1272" max="1272" width="9.140625" style="305" customWidth="1"/>
    <col min="1273" max="1273" width="9.140625" style="305"/>
    <col min="1274" max="1274" width="9.140625" style="305" customWidth="1"/>
    <col min="1275" max="1275" width="7" style="305" customWidth="1"/>
    <col min="1276" max="1276" width="9.140625" style="305" customWidth="1"/>
    <col min="1277" max="1277" width="7.42578125" style="305" customWidth="1"/>
    <col min="1278" max="1278" width="9.140625" style="305" customWidth="1"/>
    <col min="1279" max="1279" width="7.42578125" style="305" customWidth="1"/>
    <col min="1280" max="1281" width="9.140625" style="305" customWidth="1"/>
    <col min="1282" max="1282" width="7.42578125" style="305" customWidth="1"/>
    <col min="1283" max="1283" width="9.140625" style="305" customWidth="1"/>
    <col min="1284" max="1284" width="7.85546875" style="305" customWidth="1"/>
    <col min="1285" max="1286" width="9.140625" style="305" customWidth="1"/>
    <col min="1287" max="1287" width="7.7109375" style="305" customWidth="1"/>
    <col min="1288" max="1288" width="9.140625" style="305" customWidth="1"/>
    <col min="1289" max="1289" width="7.5703125" style="305" customWidth="1"/>
    <col min="1290" max="1290" width="9.140625" style="305" customWidth="1"/>
    <col min="1291" max="1292" width="7.7109375" style="305" customWidth="1"/>
    <col min="1293" max="1293" width="8" style="305" customWidth="1"/>
    <col min="1294" max="1525" width="9.140625" style="305"/>
    <col min="1526" max="1526" width="32" style="305" customWidth="1"/>
    <col min="1527" max="1527" width="9.140625" style="305"/>
    <col min="1528" max="1528" width="9.140625" style="305" customWidth="1"/>
    <col min="1529" max="1529" width="9.140625" style="305"/>
    <col min="1530" max="1530" width="9.140625" style="305" customWidth="1"/>
    <col min="1531" max="1531" width="7" style="305" customWidth="1"/>
    <col min="1532" max="1532" width="9.140625" style="305" customWidth="1"/>
    <col min="1533" max="1533" width="7.42578125" style="305" customWidth="1"/>
    <col min="1534" max="1534" width="9.140625" style="305" customWidth="1"/>
    <col min="1535" max="1535" width="7.42578125" style="305" customWidth="1"/>
    <col min="1536" max="1537" width="9.140625" style="305" customWidth="1"/>
    <col min="1538" max="1538" width="7.42578125" style="305" customWidth="1"/>
    <col min="1539" max="1539" width="9.140625" style="305" customWidth="1"/>
    <col min="1540" max="1540" width="7.85546875" style="305" customWidth="1"/>
    <col min="1541" max="1542" width="9.140625" style="305" customWidth="1"/>
    <col min="1543" max="1543" width="7.7109375" style="305" customWidth="1"/>
    <col min="1544" max="1544" width="9.140625" style="305" customWidth="1"/>
    <col min="1545" max="1545" width="7.5703125" style="305" customWidth="1"/>
    <col min="1546" max="1546" width="9.140625" style="305" customWidth="1"/>
    <col min="1547" max="1548" width="7.7109375" style="305" customWidth="1"/>
    <col min="1549" max="1549" width="8" style="305" customWidth="1"/>
    <col min="1550" max="1781" width="9.140625" style="305"/>
    <col min="1782" max="1782" width="32" style="305" customWidth="1"/>
    <col min="1783" max="1783" width="9.140625" style="305"/>
    <col min="1784" max="1784" width="9.140625" style="305" customWidth="1"/>
    <col min="1785" max="1785" width="9.140625" style="305"/>
    <col min="1786" max="1786" width="9.140625" style="305" customWidth="1"/>
    <col min="1787" max="1787" width="7" style="305" customWidth="1"/>
    <col min="1788" max="1788" width="9.140625" style="305" customWidth="1"/>
    <col min="1789" max="1789" width="7.42578125" style="305" customWidth="1"/>
    <col min="1790" max="1790" width="9.140625" style="305" customWidth="1"/>
    <col min="1791" max="1791" width="7.42578125" style="305" customWidth="1"/>
    <col min="1792" max="1793" width="9.140625" style="305" customWidth="1"/>
    <col min="1794" max="1794" width="7.42578125" style="305" customWidth="1"/>
    <col min="1795" max="1795" width="9.140625" style="305" customWidth="1"/>
    <col min="1796" max="1796" width="7.85546875" style="305" customWidth="1"/>
    <col min="1797" max="1798" width="9.140625" style="305" customWidth="1"/>
    <col min="1799" max="1799" width="7.7109375" style="305" customWidth="1"/>
    <col min="1800" max="1800" width="9.140625" style="305" customWidth="1"/>
    <col min="1801" max="1801" width="7.5703125" style="305" customWidth="1"/>
    <col min="1802" max="1802" width="9.140625" style="305" customWidth="1"/>
    <col min="1803" max="1804" width="7.7109375" style="305" customWidth="1"/>
    <col min="1805" max="1805" width="8" style="305" customWidth="1"/>
    <col min="1806" max="2037" width="9.140625" style="305"/>
    <col min="2038" max="2038" width="32" style="305" customWidth="1"/>
    <col min="2039" max="2039" width="9.140625" style="305"/>
    <col min="2040" max="2040" width="9.140625" style="305" customWidth="1"/>
    <col min="2041" max="2041" width="9.140625" style="305"/>
    <col min="2042" max="2042" width="9.140625" style="305" customWidth="1"/>
    <col min="2043" max="2043" width="7" style="305" customWidth="1"/>
    <col min="2044" max="2044" width="9.140625" style="305" customWidth="1"/>
    <col min="2045" max="2045" width="7.42578125" style="305" customWidth="1"/>
    <col min="2046" max="2046" width="9.140625" style="305" customWidth="1"/>
    <col min="2047" max="2047" width="7.42578125" style="305" customWidth="1"/>
    <col min="2048" max="2049" width="9.140625" style="305" customWidth="1"/>
    <col min="2050" max="2050" width="7.42578125" style="305" customWidth="1"/>
    <col min="2051" max="2051" width="9.140625" style="305" customWidth="1"/>
    <col min="2052" max="2052" width="7.85546875" style="305" customWidth="1"/>
    <col min="2053" max="2054" width="9.140625" style="305" customWidth="1"/>
    <col min="2055" max="2055" width="7.7109375" style="305" customWidth="1"/>
    <col min="2056" max="2056" width="9.140625" style="305" customWidth="1"/>
    <col min="2057" max="2057" width="7.5703125" style="305" customWidth="1"/>
    <col min="2058" max="2058" width="9.140625" style="305" customWidth="1"/>
    <col min="2059" max="2060" width="7.7109375" style="305" customWidth="1"/>
    <col min="2061" max="2061" width="8" style="305" customWidth="1"/>
    <col min="2062" max="2293" width="9.140625" style="305"/>
    <col min="2294" max="2294" width="32" style="305" customWidth="1"/>
    <col min="2295" max="2295" width="9.140625" style="305"/>
    <col min="2296" max="2296" width="9.140625" style="305" customWidth="1"/>
    <col min="2297" max="2297" width="9.140625" style="305"/>
    <col min="2298" max="2298" width="9.140625" style="305" customWidth="1"/>
    <col min="2299" max="2299" width="7" style="305" customWidth="1"/>
    <col min="2300" max="2300" width="9.140625" style="305" customWidth="1"/>
    <col min="2301" max="2301" width="7.42578125" style="305" customWidth="1"/>
    <col min="2302" max="2302" width="9.140625" style="305" customWidth="1"/>
    <col min="2303" max="2303" width="7.42578125" style="305" customWidth="1"/>
    <col min="2304" max="2305" width="9.140625" style="305" customWidth="1"/>
    <col min="2306" max="2306" width="7.42578125" style="305" customWidth="1"/>
    <col min="2307" max="2307" width="9.140625" style="305" customWidth="1"/>
    <col min="2308" max="2308" width="7.85546875" style="305" customWidth="1"/>
    <col min="2309" max="2310" width="9.140625" style="305" customWidth="1"/>
    <col min="2311" max="2311" width="7.7109375" style="305" customWidth="1"/>
    <col min="2312" max="2312" width="9.140625" style="305" customWidth="1"/>
    <col min="2313" max="2313" width="7.5703125" style="305" customWidth="1"/>
    <col min="2314" max="2314" width="9.140625" style="305" customWidth="1"/>
    <col min="2315" max="2316" width="7.7109375" style="305" customWidth="1"/>
    <col min="2317" max="2317" width="8" style="305" customWidth="1"/>
    <col min="2318" max="2549" width="9.140625" style="305"/>
    <col min="2550" max="2550" width="32" style="305" customWidth="1"/>
    <col min="2551" max="2551" width="9.140625" style="305"/>
    <col min="2552" max="2552" width="9.140625" style="305" customWidth="1"/>
    <col min="2553" max="2553" width="9.140625" style="305"/>
    <col min="2554" max="2554" width="9.140625" style="305" customWidth="1"/>
    <col min="2555" max="2555" width="7" style="305" customWidth="1"/>
    <col min="2556" max="2556" width="9.140625" style="305" customWidth="1"/>
    <col min="2557" max="2557" width="7.42578125" style="305" customWidth="1"/>
    <col min="2558" max="2558" width="9.140625" style="305" customWidth="1"/>
    <col min="2559" max="2559" width="7.42578125" style="305" customWidth="1"/>
    <col min="2560" max="2561" width="9.140625" style="305" customWidth="1"/>
    <col min="2562" max="2562" width="7.42578125" style="305" customWidth="1"/>
    <col min="2563" max="2563" width="9.140625" style="305" customWidth="1"/>
    <col min="2564" max="2564" width="7.85546875" style="305" customWidth="1"/>
    <col min="2565" max="2566" width="9.140625" style="305" customWidth="1"/>
    <col min="2567" max="2567" width="7.7109375" style="305" customWidth="1"/>
    <col min="2568" max="2568" width="9.140625" style="305" customWidth="1"/>
    <col min="2569" max="2569" width="7.5703125" style="305" customWidth="1"/>
    <col min="2570" max="2570" width="9.140625" style="305" customWidth="1"/>
    <col min="2571" max="2572" width="7.7109375" style="305" customWidth="1"/>
    <col min="2573" max="2573" width="8" style="305" customWidth="1"/>
    <col min="2574" max="2805" width="9.140625" style="305"/>
    <col min="2806" max="2806" width="32" style="305" customWidth="1"/>
    <col min="2807" max="2807" width="9.140625" style="305"/>
    <col min="2808" max="2808" width="9.140625" style="305" customWidth="1"/>
    <col min="2809" max="2809" width="9.140625" style="305"/>
    <col min="2810" max="2810" width="9.140625" style="305" customWidth="1"/>
    <col min="2811" max="2811" width="7" style="305" customWidth="1"/>
    <col min="2812" max="2812" width="9.140625" style="305" customWidth="1"/>
    <col min="2813" max="2813" width="7.42578125" style="305" customWidth="1"/>
    <col min="2814" max="2814" width="9.140625" style="305" customWidth="1"/>
    <col min="2815" max="2815" width="7.42578125" style="305" customWidth="1"/>
    <col min="2816" max="2817" width="9.140625" style="305" customWidth="1"/>
    <col min="2818" max="2818" width="7.42578125" style="305" customWidth="1"/>
    <col min="2819" max="2819" width="9.140625" style="305" customWidth="1"/>
    <col min="2820" max="2820" width="7.85546875" style="305" customWidth="1"/>
    <col min="2821" max="2822" width="9.140625" style="305" customWidth="1"/>
    <col min="2823" max="2823" width="7.7109375" style="305" customWidth="1"/>
    <col min="2824" max="2824" width="9.140625" style="305" customWidth="1"/>
    <col min="2825" max="2825" width="7.5703125" style="305" customWidth="1"/>
    <col min="2826" max="2826" width="9.140625" style="305" customWidth="1"/>
    <col min="2827" max="2828" width="7.7109375" style="305" customWidth="1"/>
    <col min="2829" max="2829" width="8" style="305" customWidth="1"/>
    <col min="2830" max="3061" width="9.140625" style="305"/>
    <col min="3062" max="3062" width="32" style="305" customWidth="1"/>
    <col min="3063" max="3063" width="9.140625" style="305"/>
    <col min="3064" max="3064" width="9.140625" style="305" customWidth="1"/>
    <col min="3065" max="3065" width="9.140625" style="305"/>
    <col min="3066" max="3066" width="9.140625" style="305" customWidth="1"/>
    <col min="3067" max="3067" width="7" style="305" customWidth="1"/>
    <col min="3068" max="3068" width="9.140625" style="305" customWidth="1"/>
    <col min="3069" max="3069" width="7.42578125" style="305" customWidth="1"/>
    <col min="3070" max="3070" width="9.140625" style="305" customWidth="1"/>
    <col min="3071" max="3071" width="7.42578125" style="305" customWidth="1"/>
    <col min="3072" max="3073" width="9.140625" style="305" customWidth="1"/>
    <col min="3074" max="3074" width="7.42578125" style="305" customWidth="1"/>
    <col min="3075" max="3075" width="9.140625" style="305" customWidth="1"/>
    <col min="3076" max="3076" width="7.85546875" style="305" customWidth="1"/>
    <col min="3077" max="3078" width="9.140625" style="305" customWidth="1"/>
    <col min="3079" max="3079" width="7.7109375" style="305" customWidth="1"/>
    <col min="3080" max="3080" width="9.140625" style="305" customWidth="1"/>
    <col min="3081" max="3081" width="7.5703125" style="305" customWidth="1"/>
    <col min="3082" max="3082" width="9.140625" style="305" customWidth="1"/>
    <col min="3083" max="3084" width="7.7109375" style="305" customWidth="1"/>
    <col min="3085" max="3085" width="8" style="305" customWidth="1"/>
    <col min="3086" max="3317" width="9.140625" style="305"/>
    <col min="3318" max="3318" width="32" style="305" customWidth="1"/>
    <col min="3319" max="3319" width="9.140625" style="305"/>
    <col min="3320" max="3320" width="9.140625" style="305" customWidth="1"/>
    <col min="3321" max="3321" width="9.140625" style="305"/>
    <col min="3322" max="3322" width="9.140625" style="305" customWidth="1"/>
    <col min="3323" max="3323" width="7" style="305" customWidth="1"/>
    <col min="3324" max="3324" width="9.140625" style="305" customWidth="1"/>
    <col min="3325" max="3325" width="7.42578125" style="305" customWidth="1"/>
    <col min="3326" max="3326" width="9.140625" style="305" customWidth="1"/>
    <col min="3327" max="3327" width="7.42578125" style="305" customWidth="1"/>
    <col min="3328" max="3329" width="9.140625" style="305" customWidth="1"/>
    <col min="3330" max="3330" width="7.42578125" style="305" customWidth="1"/>
    <col min="3331" max="3331" width="9.140625" style="305" customWidth="1"/>
    <col min="3332" max="3332" width="7.85546875" style="305" customWidth="1"/>
    <col min="3333" max="3334" width="9.140625" style="305" customWidth="1"/>
    <col min="3335" max="3335" width="7.7109375" style="305" customWidth="1"/>
    <col min="3336" max="3336" width="9.140625" style="305" customWidth="1"/>
    <col min="3337" max="3337" width="7.5703125" style="305" customWidth="1"/>
    <col min="3338" max="3338" width="9.140625" style="305" customWidth="1"/>
    <col min="3339" max="3340" width="7.7109375" style="305" customWidth="1"/>
    <col min="3341" max="3341" width="8" style="305" customWidth="1"/>
    <col min="3342" max="3573" width="9.140625" style="305"/>
    <col min="3574" max="3574" width="32" style="305" customWidth="1"/>
    <col min="3575" max="3575" width="9.140625" style="305"/>
    <col min="3576" max="3576" width="9.140625" style="305" customWidth="1"/>
    <col min="3577" max="3577" width="9.140625" style="305"/>
    <col min="3578" max="3578" width="9.140625" style="305" customWidth="1"/>
    <col min="3579" max="3579" width="7" style="305" customWidth="1"/>
    <col min="3580" max="3580" width="9.140625" style="305" customWidth="1"/>
    <col min="3581" max="3581" width="7.42578125" style="305" customWidth="1"/>
    <col min="3582" max="3582" width="9.140625" style="305" customWidth="1"/>
    <col min="3583" max="3583" width="7.42578125" style="305" customWidth="1"/>
    <col min="3584" max="3585" width="9.140625" style="305" customWidth="1"/>
    <col min="3586" max="3586" width="7.42578125" style="305" customWidth="1"/>
    <col min="3587" max="3587" width="9.140625" style="305" customWidth="1"/>
    <col min="3588" max="3588" width="7.85546875" style="305" customWidth="1"/>
    <col min="3589" max="3590" width="9.140625" style="305" customWidth="1"/>
    <col min="3591" max="3591" width="7.7109375" style="305" customWidth="1"/>
    <col min="3592" max="3592" width="9.140625" style="305" customWidth="1"/>
    <col min="3593" max="3593" width="7.5703125" style="305" customWidth="1"/>
    <col min="3594" max="3594" width="9.140625" style="305" customWidth="1"/>
    <col min="3595" max="3596" width="7.7109375" style="305" customWidth="1"/>
    <col min="3597" max="3597" width="8" style="305" customWidth="1"/>
    <col min="3598" max="3829" width="9.140625" style="305"/>
    <col min="3830" max="3830" width="32" style="305" customWidth="1"/>
    <col min="3831" max="3831" width="9.140625" style="305"/>
    <col min="3832" max="3832" width="9.140625" style="305" customWidth="1"/>
    <col min="3833" max="3833" width="9.140625" style="305"/>
    <col min="3834" max="3834" width="9.140625" style="305" customWidth="1"/>
    <col min="3835" max="3835" width="7" style="305" customWidth="1"/>
    <col min="3836" max="3836" width="9.140625" style="305" customWidth="1"/>
    <col min="3837" max="3837" width="7.42578125" style="305" customWidth="1"/>
    <col min="3838" max="3838" width="9.140625" style="305" customWidth="1"/>
    <col min="3839" max="3839" width="7.42578125" style="305" customWidth="1"/>
    <col min="3840" max="3841" width="9.140625" style="305" customWidth="1"/>
    <col min="3842" max="3842" width="7.42578125" style="305" customWidth="1"/>
    <col min="3843" max="3843" width="9.140625" style="305" customWidth="1"/>
    <col min="3844" max="3844" width="7.85546875" style="305" customWidth="1"/>
    <col min="3845" max="3846" width="9.140625" style="305" customWidth="1"/>
    <col min="3847" max="3847" width="7.7109375" style="305" customWidth="1"/>
    <col min="3848" max="3848" width="9.140625" style="305" customWidth="1"/>
    <col min="3849" max="3849" width="7.5703125" style="305" customWidth="1"/>
    <col min="3850" max="3850" width="9.140625" style="305" customWidth="1"/>
    <col min="3851" max="3852" width="7.7109375" style="305" customWidth="1"/>
    <col min="3853" max="3853" width="8" style="305" customWidth="1"/>
    <col min="3854" max="4085" width="9.140625" style="305"/>
    <col min="4086" max="4086" width="32" style="305" customWidth="1"/>
    <col min="4087" max="4087" width="9.140625" style="305"/>
    <col min="4088" max="4088" width="9.140625" style="305" customWidth="1"/>
    <col min="4089" max="4089" width="9.140625" style="305"/>
    <col min="4090" max="4090" width="9.140625" style="305" customWidth="1"/>
    <col min="4091" max="4091" width="7" style="305" customWidth="1"/>
    <col min="4092" max="4092" width="9.140625" style="305" customWidth="1"/>
    <col min="4093" max="4093" width="7.42578125" style="305" customWidth="1"/>
    <col min="4094" max="4094" width="9.140625" style="305" customWidth="1"/>
    <col min="4095" max="4095" width="7.42578125" style="305" customWidth="1"/>
    <col min="4096" max="4097" width="9.140625" style="305" customWidth="1"/>
    <col min="4098" max="4098" width="7.42578125" style="305" customWidth="1"/>
    <col min="4099" max="4099" width="9.140625" style="305" customWidth="1"/>
    <col min="4100" max="4100" width="7.85546875" style="305" customWidth="1"/>
    <col min="4101" max="4102" width="9.140625" style="305" customWidth="1"/>
    <col min="4103" max="4103" width="7.7109375" style="305" customWidth="1"/>
    <col min="4104" max="4104" width="9.140625" style="305" customWidth="1"/>
    <col min="4105" max="4105" width="7.5703125" style="305" customWidth="1"/>
    <col min="4106" max="4106" width="9.140625" style="305" customWidth="1"/>
    <col min="4107" max="4108" width="7.7109375" style="305" customWidth="1"/>
    <col min="4109" max="4109" width="8" style="305" customWidth="1"/>
    <col min="4110" max="4341" width="9.140625" style="305"/>
    <col min="4342" max="4342" width="32" style="305" customWidth="1"/>
    <col min="4343" max="4343" width="9.140625" style="305"/>
    <col min="4344" max="4344" width="9.140625" style="305" customWidth="1"/>
    <col min="4345" max="4345" width="9.140625" style="305"/>
    <col min="4346" max="4346" width="9.140625" style="305" customWidth="1"/>
    <col min="4347" max="4347" width="7" style="305" customWidth="1"/>
    <col min="4348" max="4348" width="9.140625" style="305" customWidth="1"/>
    <col min="4349" max="4349" width="7.42578125" style="305" customWidth="1"/>
    <col min="4350" max="4350" width="9.140625" style="305" customWidth="1"/>
    <col min="4351" max="4351" width="7.42578125" style="305" customWidth="1"/>
    <col min="4352" max="4353" width="9.140625" style="305" customWidth="1"/>
    <col min="4354" max="4354" width="7.42578125" style="305" customWidth="1"/>
    <col min="4355" max="4355" width="9.140625" style="305" customWidth="1"/>
    <col min="4356" max="4356" width="7.85546875" style="305" customWidth="1"/>
    <col min="4357" max="4358" width="9.140625" style="305" customWidth="1"/>
    <col min="4359" max="4359" width="7.7109375" style="305" customWidth="1"/>
    <col min="4360" max="4360" width="9.140625" style="305" customWidth="1"/>
    <col min="4361" max="4361" width="7.5703125" style="305" customWidth="1"/>
    <col min="4362" max="4362" width="9.140625" style="305" customWidth="1"/>
    <col min="4363" max="4364" width="7.7109375" style="305" customWidth="1"/>
    <col min="4365" max="4365" width="8" style="305" customWidth="1"/>
    <col min="4366" max="4597" width="9.140625" style="305"/>
    <col min="4598" max="4598" width="32" style="305" customWidth="1"/>
    <col min="4599" max="4599" width="9.140625" style="305"/>
    <col min="4600" max="4600" width="9.140625" style="305" customWidth="1"/>
    <col min="4601" max="4601" width="9.140625" style="305"/>
    <col min="4602" max="4602" width="9.140625" style="305" customWidth="1"/>
    <col min="4603" max="4603" width="7" style="305" customWidth="1"/>
    <col min="4604" max="4604" width="9.140625" style="305" customWidth="1"/>
    <col min="4605" max="4605" width="7.42578125" style="305" customWidth="1"/>
    <col min="4606" max="4606" width="9.140625" style="305" customWidth="1"/>
    <col min="4607" max="4607" width="7.42578125" style="305" customWidth="1"/>
    <col min="4608" max="4609" width="9.140625" style="305" customWidth="1"/>
    <col min="4610" max="4610" width="7.42578125" style="305" customWidth="1"/>
    <col min="4611" max="4611" width="9.140625" style="305" customWidth="1"/>
    <col min="4612" max="4612" width="7.85546875" style="305" customWidth="1"/>
    <col min="4613" max="4614" width="9.140625" style="305" customWidth="1"/>
    <col min="4615" max="4615" width="7.7109375" style="305" customWidth="1"/>
    <col min="4616" max="4616" width="9.140625" style="305" customWidth="1"/>
    <col min="4617" max="4617" width="7.5703125" style="305" customWidth="1"/>
    <col min="4618" max="4618" width="9.140625" style="305" customWidth="1"/>
    <col min="4619" max="4620" width="7.7109375" style="305" customWidth="1"/>
    <col min="4621" max="4621" width="8" style="305" customWidth="1"/>
    <col min="4622" max="4853" width="9.140625" style="305"/>
    <col min="4854" max="4854" width="32" style="305" customWidth="1"/>
    <col min="4855" max="4855" width="9.140625" style="305"/>
    <col min="4856" max="4856" width="9.140625" style="305" customWidth="1"/>
    <col min="4857" max="4857" width="9.140625" style="305"/>
    <col min="4858" max="4858" width="9.140625" style="305" customWidth="1"/>
    <col min="4859" max="4859" width="7" style="305" customWidth="1"/>
    <col min="4860" max="4860" width="9.140625" style="305" customWidth="1"/>
    <col min="4861" max="4861" width="7.42578125" style="305" customWidth="1"/>
    <col min="4862" max="4862" width="9.140625" style="305" customWidth="1"/>
    <col min="4863" max="4863" width="7.42578125" style="305" customWidth="1"/>
    <col min="4864" max="4865" width="9.140625" style="305" customWidth="1"/>
    <col min="4866" max="4866" width="7.42578125" style="305" customWidth="1"/>
    <col min="4867" max="4867" width="9.140625" style="305" customWidth="1"/>
    <col min="4868" max="4868" width="7.85546875" style="305" customWidth="1"/>
    <col min="4869" max="4870" width="9.140625" style="305" customWidth="1"/>
    <col min="4871" max="4871" width="7.7109375" style="305" customWidth="1"/>
    <col min="4872" max="4872" width="9.140625" style="305" customWidth="1"/>
    <col min="4873" max="4873" width="7.5703125" style="305" customWidth="1"/>
    <col min="4874" max="4874" width="9.140625" style="305" customWidth="1"/>
    <col min="4875" max="4876" width="7.7109375" style="305" customWidth="1"/>
    <col min="4877" max="4877" width="8" style="305" customWidth="1"/>
    <col min="4878" max="5109" width="9.140625" style="305"/>
    <col min="5110" max="5110" width="32" style="305" customWidth="1"/>
    <col min="5111" max="5111" width="9.140625" style="305"/>
    <col min="5112" max="5112" width="9.140625" style="305" customWidth="1"/>
    <col min="5113" max="5113" width="9.140625" style="305"/>
    <col min="5114" max="5114" width="9.140625" style="305" customWidth="1"/>
    <col min="5115" max="5115" width="7" style="305" customWidth="1"/>
    <col min="5116" max="5116" width="9.140625" style="305" customWidth="1"/>
    <col min="5117" max="5117" width="7.42578125" style="305" customWidth="1"/>
    <col min="5118" max="5118" width="9.140625" style="305" customWidth="1"/>
    <col min="5119" max="5119" width="7.42578125" style="305" customWidth="1"/>
    <col min="5120" max="5121" width="9.140625" style="305" customWidth="1"/>
    <col min="5122" max="5122" width="7.42578125" style="305" customWidth="1"/>
    <col min="5123" max="5123" width="9.140625" style="305" customWidth="1"/>
    <col min="5124" max="5124" width="7.85546875" style="305" customWidth="1"/>
    <col min="5125" max="5126" width="9.140625" style="305" customWidth="1"/>
    <col min="5127" max="5127" width="7.7109375" style="305" customWidth="1"/>
    <col min="5128" max="5128" width="9.140625" style="305" customWidth="1"/>
    <col min="5129" max="5129" width="7.5703125" style="305" customWidth="1"/>
    <col min="5130" max="5130" width="9.140625" style="305" customWidth="1"/>
    <col min="5131" max="5132" width="7.7109375" style="305" customWidth="1"/>
    <col min="5133" max="5133" width="8" style="305" customWidth="1"/>
    <col min="5134" max="5365" width="9.140625" style="305"/>
    <col min="5366" max="5366" width="32" style="305" customWidth="1"/>
    <col min="5367" max="5367" width="9.140625" style="305"/>
    <col min="5368" max="5368" width="9.140625" style="305" customWidth="1"/>
    <col min="5369" max="5369" width="9.140625" style="305"/>
    <col min="5370" max="5370" width="9.140625" style="305" customWidth="1"/>
    <col min="5371" max="5371" width="7" style="305" customWidth="1"/>
    <col min="5372" max="5372" width="9.140625" style="305" customWidth="1"/>
    <col min="5373" max="5373" width="7.42578125" style="305" customWidth="1"/>
    <col min="5374" max="5374" width="9.140625" style="305" customWidth="1"/>
    <col min="5375" max="5375" width="7.42578125" style="305" customWidth="1"/>
    <col min="5376" max="5377" width="9.140625" style="305" customWidth="1"/>
    <col min="5378" max="5378" width="7.42578125" style="305" customWidth="1"/>
    <col min="5379" max="5379" width="9.140625" style="305" customWidth="1"/>
    <col min="5380" max="5380" width="7.85546875" style="305" customWidth="1"/>
    <col min="5381" max="5382" width="9.140625" style="305" customWidth="1"/>
    <col min="5383" max="5383" width="7.7109375" style="305" customWidth="1"/>
    <col min="5384" max="5384" width="9.140625" style="305" customWidth="1"/>
    <col min="5385" max="5385" width="7.5703125" style="305" customWidth="1"/>
    <col min="5386" max="5386" width="9.140625" style="305" customWidth="1"/>
    <col min="5387" max="5388" width="7.7109375" style="305" customWidth="1"/>
    <col min="5389" max="5389" width="8" style="305" customWidth="1"/>
    <col min="5390" max="5621" width="9.140625" style="305"/>
    <col min="5622" max="5622" width="32" style="305" customWidth="1"/>
    <col min="5623" max="5623" width="9.140625" style="305"/>
    <col min="5624" max="5624" width="9.140625" style="305" customWidth="1"/>
    <col min="5625" max="5625" width="9.140625" style="305"/>
    <col min="5626" max="5626" width="9.140625" style="305" customWidth="1"/>
    <col min="5627" max="5627" width="7" style="305" customWidth="1"/>
    <col min="5628" max="5628" width="9.140625" style="305" customWidth="1"/>
    <col min="5629" max="5629" width="7.42578125" style="305" customWidth="1"/>
    <col min="5630" max="5630" width="9.140625" style="305" customWidth="1"/>
    <col min="5631" max="5631" width="7.42578125" style="305" customWidth="1"/>
    <col min="5632" max="5633" width="9.140625" style="305" customWidth="1"/>
    <col min="5634" max="5634" width="7.42578125" style="305" customWidth="1"/>
    <col min="5635" max="5635" width="9.140625" style="305" customWidth="1"/>
    <col min="5636" max="5636" width="7.85546875" style="305" customWidth="1"/>
    <col min="5637" max="5638" width="9.140625" style="305" customWidth="1"/>
    <col min="5639" max="5639" width="7.7109375" style="305" customWidth="1"/>
    <col min="5640" max="5640" width="9.140625" style="305" customWidth="1"/>
    <col min="5641" max="5641" width="7.5703125" style="305" customWidth="1"/>
    <col min="5642" max="5642" width="9.140625" style="305" customWidth="1"/>
    <col min="5643" max="5644" width="7.7109375" style="305" customWidth="1"/>
    <col min="5645" max="5645" width="8" style="305" customWidth="1"/>
    <col min="5646" max="5877" width="9.140625" style="305"/>
    <col min="5878" max="5878" width="32" style="305" customWidth="1"/>
    <col min="5879" max="5879" width="9.140625" style="305"/>
    <col min="5880" max="5880" width="9.140625" style="305" customWidth="1"/>
    <col min="5881" max="5881" width="9.140625" style="305"/>
    <col min="5882" max="5882" width="9.140625" style="305" customWidth="1"/>
    <col min="5883" max="5883" width="7" style="305" customWidth="1"/>
    <col min="5884" max="5884" width="9.140625" style="305" customWidth="1"/>
    <col min="5885" max="5885" width="7.42578125" style="305" customWidth="1"/>
    <col min="5886" max="5886" width="9.140625" style="305" customWidth="1"/>
    <col min="5887" max="5887" width="7.42578125" style="305" customWidth="1"/>
    <col min="5888" max="5889" width="9.140625" style="305" customWidth="1"/>
    <col min="5890" max="5890" width="7.42578125" style="305" customWidth="1"/>
    <col min="5891" max="5891" width="9.140625" style="305" customWidth="1"/>
    <col min="5892" max="5892" width="7.85546875" style="305" customWidth="1"/>
    <col min="5893" max="5894" width="9.140625" style="305" customWidth="1"/>
    <col min="5895" max="5895" width="7.7109375" style="305" customWidth="1"/>
    <col min="5896" max="5896" width="9.140625" style="305" customWidth="1"/>
    <col min="5897" max="5897" width="7.5703125" style="305" customWidth="1"/>
    <col min="5898" max="5898" width="9.140625" style="305" customWidth="1"/>
    <col min="5899" max="5900" width="7.7109375" style="305" customWidth="1"/>
    <col min="5901" max="5901" width="8" style="305" customWidth="1"/>
    <col min="5902" max="6133" width="9.140625" style="305"/>
    <col min="6134" max="6134" width="32" style="305" customWidth="1"/>
    <col min="6135" max="6135" width="9.140625" style="305"/>
    <col min="6136" max="6136" width="9.140625" style="305" customWidth="1"/>
    <col min="6137" max="6137" width="9.140625" style="305"/>
    <col min="6138" max="6138" width="9.140625" style="305" customWidth="1"/>
    <col min="6139" max="6139" width="7" style="305" customWidth="1"/>
    <col min="6140" max="6140" width="9.140625" style="305" customWidth="1"/>
    <col min="6141" max="6141" width="7.42578125" style="305" customWidth="1"/>
    <col min="6142" max="6142" width="9.140625" style="305" customWidth="1"/>
    <col min="6143" max="6143" width="7.42578125" style="305" customWidth="1"/>
    <col min="6144" max="6145" width="9.140625" style="305" customWidth="1"/>
    <col min="6146" max="6146" width="7.42578125" style="305" customWidth="1"/>
    <col min="6147" max="6147" width="9.140625" style="305" customWidth="1"/>
    <col min="6148" max="6148" width="7.85546875" style="305" customWidth="1"/>
    <col min="6149" max="6150" width="9.140625" style="305" customWidth="1"/>
    <col min="6151" max="6151" width="7.7109375" style="305" customWidth="1"/>
    <col min="6152" max="6152" width="9.140625" style="305" customWidth="1"/>
    <col min="6153" max="6153" width="7.5703125" style="305" customWidth="1"/>
    <col min="6154" max="6154" width="9.140625" style="305" customWidth="1"/>
    <col min="6155" max="6156" width="7.7109375" style="305" customWidth="1"/>
    <col min="6157" max="6157" width="8" style="305" customWidth="1"/>
    <col min="6158" max="6389" width="9.140625" style="305"/>
    <col min="6390" max="6390" width="32" style="305" customWidth="1"/>
    <col min="6391" max="6391" width="9.140625" style="305"/>
    <col min="6392" max="6392" width="9.140625" style="305" customWidth="1"/>
    <col min="6393" max="6393" width="9.140625" style="305"/>
    <col min="6394" max="6394" width="9.140625" style="305" customWidth="1"/>
    <col min="6395" max="6395" width="7" style="305" customWidth="1"/>
    <col min="6396" max="6396" width="9.140625" style="305" customWidth="1"/>
    <col min="6397" max="6397" width="7.42578125" style="305" customWidth="1"/>
    <col min="6398" max="6398" width="9.140625" style="305" customWidth="1"/>
    <col min="6399" max="6399" width="7.42578125" style="305" customWidth="1"/>
    <col min="6400" max="6401" width="9.140625" style="305" customWidth="1"/>
    <col min="6402" max="6402" width="7.42578125" style="305" customWidth="1"/>
    <col min="6403" max="6403" width="9.140625" style="305" customWidth="1"/>
    <col min="6404" max="6404" width="7.85546875" style="305" customWidth="1"/>
    <col min="6405" max="6406" width="9.140625" style="305" customWidth="1"/>
    <col min="6407" max="6407" width="7.7109375" style="305" customWidth="1"/>
    <col min="6408" max="6408" width="9.140625" style="305" customWidth="1"/>
    <col min="6409" max="6409" width="7.5703125" style="305" customWidth="1"/>
    <col min="6410" max="6410" width="9.140625" style="305" customWidth="1"/>
    <col min="6411" max="6412" width="7.7109375" style="305" customWidth="1"/>
    <col min="6413" max="6413" width="8" style="305" customWidth="1"/>
    <col min="6414" max="6645" width="9.140625" style="305"/>
    <col min="6646" max="6646" width="32" style="305" customWidth="1"/>
    <col min="6647" max="6647" width="9.140625" style="305"/>
    <col min="6648" max="6648" width="9.140625" style="305" customWidth="1"/>
    <col min="6649" max="6649" width="9.140625" style="305"/>
    <col min="6650" max="6650" width="9.140625" style="305" customWidth="1"/>
    <col min="6651" max="6651" width="7" style="305" customWidth="1"/>
    <col min="6652" max="6652" width="9.140625" style="305" customWidth="1"/>
    <col min="6653" max="6653" width="7.42578125" style="305" customWidth="1"/>
    <col min="6654" max="6654" width="9.140625" style="305" customWidth="1"/>
    <col min="6655" max="6655" width="7.42578125" style="305" customWidth="1"/>
    <col min="6656" max="6657" width="9.140625" style="305" customWidth="1"/>
    <col min="6658" max="6658" width="7.42578125" style="305" customWidth="1"/>
    <col min="6659" max="6659" width="9.140625" style="305" customWidth="1"/>
    <col min="6660" max="6660" width="7.85546875" style="305" customWidth="1"/>
    <col min="6661" max="6662" width="9.140625" style="305" customWidth="1"/>
    <col min="6663" max="6663" width="7.7109375" style="305" customWidth="1"/>
    <col min="6664" max="6664" width="9.140625" style="305" customWidth="1"/>
    <col min="6665" max="6665" width="7.5703125" style="305" customWidth="1"/>
    <col min="6666" max="6666" width="9.140625" style="305" customWidth="1"/>
    <col min="6667" max="6668" width="7.7109375" style="305" customWidth="1"/>
    <col min="6669" max="6669" width="8" style="305" customWidth="1"/>
    <col min="6670" max="6901" width="9.140625" style="305"/>
    <col min="6902" max="6902" width="32" style="305" customWidth="1"/>
    <col min="6903" max="6903" width="9.140625" style="305"/>
    <col min="6904" max="6904" width="9.140625" style="305" customWidth="1"/>
    <col min="6905" max="6905" width="9.140625" style="305"/>
    <col min="6906" max="6906" width="9.140625" style="305" customWidth="1"/>
    <col min="6907" max="6907" width="7" style="305" customWidth="1"/>
    <col min="6908" max="6908" width="9.140625" style="305" customWidth="1"/>
    <col min="6909" max="6909" width="7.42578125" style="305" customWidth="1"/>
    <col min="6910" max="6910" width="9.140625" style="305" customWidth="1"/>
    <col min="6911" max="6911" width="7.42578125" style="305" customWidth="1"/>
    <col min="6912" max="6913" width="9.140625" style="305" customWidth="1"/>
    <col min="6914" max="6914" width="7.42578125" style="305" customWidth="1"/>
    <col min="6915" max="6915" width="9.140625" style="305" customWidth="1"/>
    <col min="6916" max="6916" width="7.85546875" style="305" customWidth="1"/>
    <col min="6917" max="6918" width="9.140625" style="305" customWidth="1"/>
    <col min="6919" max="6919" width="7.7109375" style="305" customWidth="1"/>
    <col min="6920" max="6920" width="9.140625" style="305" customWidth="1"/>
    <col min="6921" max="6921" width="7.5703125" style="305" customWidth="1"/>
    <col min="6922" max="6922" width="9.140625" style="305" customWidth="1"/>
    <col min="6923" max="6924" width="7.7109375" style="305" customWidth="1"/>
    <col min="6925" max="6925" width="8" style="305" customWidth="1"/>
    <col min="6926" max="7157" width="9.140625" style="305"/>
    <col min="7158" max="7158" width="32" style="305" customWidth="1"/>
    <col min="7159" max="7159" width="9.140625" style="305"/>
    <col min="7160" max="7160" width="9.140625" style="305" customWidth="1"/>
    <col min="7161" max="7161" width="9.140625" style="305"/>
    <col min="7162" max="7162" width="9.140625" style="305" customWidth="1"/>
    <col min="7163" max="7163" width="7" style="305" customWidth="1"/>
    <col min="7164" max="7164" width="9.140625" style="305" customWidth="1"/>
    <col min="7165" max="7165" width="7.42578125" style="305" customWidth="1"/>
    <col min="7166" max="7166" width="9.140625" style="305" customWidth="1"/>
    <col min="7167" max="7167" width="7.42578125" style="305" customWidth="1"/>
    <col min="7168" max="7169" width="9.140625" style="305" customWidth="1"/>
    <col min="7170" max="7170" width="7.42578125" style="305" customWidth="1"/>
    <col min="7171" max="7171" width="9.140625" style="305" customWidth="1"/>
    <col min="7172" max="7172" width="7.85546875" style="305" customWidth="1"/>
    <col min="7173" max="7174" width="9.140625" style="305" customWidth="1"/>
    <col min="7175" max="7175" width="7.7109375" style="305" customWidth="1"/>
    <col min="7176" max="7176" width="9.140625" style="305" customWidth="1"/>
    <col min="7177" max="7177" width="7.5703125" style="305" customWidth="1"/>
    <col min="7178" max="7178" width="9.140625" style="305" customWidth="1"/>
    <col min="7179" max="7180" width="7.7109375" style="305" customWidth="1"/>
    <col min="7181" max="7181" width="8" style="305" customWidth="1"/>
    <col min="7182" max="7413" width="9.140625" style="305"/>
    <col min="7414" max="7414" width="32" style="305" customWidth="1"/>
    <col min="7415" max="7415" width="9.140625" style="305"/>
    <col min="7416" max="7416" width="9.140625" style="305" customWidth="1"/>
    <col min="7417" max="7417" width="9.140625" style="305"/>
    <col min="7418" max="7418" width="9.140625" style="305" customWidth="1"/>
    <col min="7419" max="7419" width="7" style="305" customWidth="1"/>
    <col min="7420" max="7420" width="9.140625" style="305" customWidth="1"/>
    <col min="7421" max="7421" width="7.42578125" style="305" customWidth="1"/>
    <col min="7422" max="7422" width="9.140625" style="305" customWidth="1"/>
    <col min="7423" max="7423" width="7.42578125" style="305" customWidth="1"/>
    <col min="7424" max="7425" width="9.140625" style="305" customWidth="1"/>
    <col min="7426" max="7426" width="7.42578125" style="305" customWidth="1"/>
    <col min="7427" max="7427" width="9.140625" style="305" customWidth="1"/>
    <col min="7428" max="7428" width="7.85546875" style="305" customWidth="1"/>
    <col min="7429" max="7430" width="9.140625" style="305" customWidth="1"/>
    <col min="7431" max="7431" width="7.7109375" style="305" customWidth="1"/>
    <col min="7432" max="7432" width="9.140625" style="305" customWidth="1"/>
    <col min="7433" max="7433" width="7.5703125" style="305" customWidth="1"/>
    <col min="7434" max="7434" width="9.140625" style="305" customWidth="1"/>
    <col min="7435" max="7436" width="7.7109375" style="305" customWidth="1"/>
    <col min="7437" max="7437" width="8" style="305" customWidth="1"/>
    <col min="7438" max="7669" width="9.140625" style="305"/>
    <col min="7670" max="7670" width="32" style="305" customWidth="1"/>
    <col min="7671" max="7671" width="9.140625" style="305"/>
    <col min="7672" max="7672" width="9.140625" style="305" customWidth="1"/>
    <col min="7673" max="7673" width="9.140625" style="305"/>
    <col min="7674" max="7674" width="9.140625" style="305" customWidth="1"/>
    <col min="7675" max="7675" width="7" style="305" customWidth="1"/>
    <col min="7676" max="7676" width="9.140625" style="305" customWidth="1"/>
    <col min="7677" max="7677" width="7.42578125" style="305" customWidth="1"/>
    <col min="7678" max="7678" width="9.140625" style="305" customWidth="1"/>
    <col min="7679" max="7679" width="7.42578125" style="305" customWidth="1"/>
    <col min="7680" max="7681" width="9.140625" style="305" customWidth="1"/>
    <col min="7682" max="7682" width="7.42578125" style="305" customWidth="1"/>
    <col min="7683" max="7683" width="9.140625" style="305" customWidth="1"/>
    <col min="7684" max="7684" width="7.85546875" style="305" customWidth="1"/>
    <col min="7685" max="7686" width="9.140625" style="305" customWidth="1"/>
    <col min="7687" max="7687" width="7.7109375" style="305" customWidth="1"/>
    <col min="7688" max="7688" width="9.140625" style="305" customWidth="1"/>
    <col min="7689" max="7689" width="7.5703125" style="305" customWidth="1"/>
    <col min="7690" max="7690" width="9.140625" style="305" customWidth="1"/>
    <col min="7691" max="7692" width="7.7109375" style="305" customWidth="1"/>
    <col min="7693" max="7693" width="8" style="305" customWidth="1"/>
    <col min="7694" max="7925" width="9.140625" style="305"/>
    <col min="7926" max="7926" width="32" style="305" customWidth="1"/>
    <col min="7927" max="7927" width="9.140625" style="305"/>
    <col min="7928" max="7928" width="9.140625" style="305" customWidth="1"/>
    <col min="7929" max="7929" width="9.140625" style="305"/>
    <col min="7930" max="7930" width="9.140625" style="305" customWidth="1"/>
    <col min="7931" max="7931" width="7" style="305" customWidth="1"/>
    <col min="7932" max="7932" width="9.140625" style="305" customWidth="1"/>
    <col min="7933" max="7933" width="7.42578125" style="305" customWidth="1"/>
    <col min="7934" max="7934" width="9.140625" style="305" customWidth="1"/>
    <col min="7935" max="7935" width="7.42578125" style="305" customWidth="1"/>
    <col min="7936" max="7937" width="9.140625" style="305" customWidth="1"/>
    <col min="7938" max="7938" width="7.42578125" style="305" customWidth="1"/>
    <col min="7939" max="7939" width="9.140625" style="305" customWidth="1"/>
    <col min="7940" max="7940" width="7.85546875" style="305" customWidth="1"/>
    <col min="7941" max="7942" width="9.140625" style="305" customWidth="1"/>
    <col min="7943" max="7943" width="7.7109375" style="305" customWidth="1"/>
    <col min="7944" max="7944" width="9.140625" style="305" customWidth="1"/>
    <col min="7945" max="7945" width="7.5703125" style="305" customWidth="1"/>
    <col min="7946" max="7946" width="9.140625" style="305" customWidth="1"/>
    <col min="7947" max="7948" width="7.7109375" style="305" customWidth="1"/>
    <col min="7949" max="7949" width="8" style="305" customWidth="1"/>
    <col min="7950" max="8181" width="9.140625" style="305"/>
    <col min="8182" max="8182" width="32" style="305" customWidth="1"/>
    <col min="8183" max="8183" width="9.140625" style="305"/>
    <col min="8184" max="8184" width="9.140625" style="305" customWidth="1"/>
    <col min="8185" max="8185" width="9.140625" style="305"/>
    <col min="8186" max="8186" width="9.140625" style="305" customWidth="1"/>
    <col min="8187" max="8187" width="7" style="305" customWidth="1"/>
    <col min="8188" max="8188" width="9.140625" style="305" customWidth="1"/>
    <col min="8189" max="8189" width="7.42578125" style="305" customWidth="1"/>
    <col min="8190" max="8190" width="9.140625" style="305" customWidth="1"/>
    <col min="8191" max="8191" width="7.42578125" style="305" customWidth="1"/>
    <col min="8192" max="8193" width="9.140625" style="305" customWidth="1"/>
    <col min="8194" max="8194" width="7.42578125" style="305" customWidth="1"/>
    <col min="8195" max="8195" width="9.140625" style="305" customWidth="1"/>
    <col min="8196" max="8196" width="7.85546875" style="305" customWidth="1"/>
    <col min="8197" max="8198" width="9.140625" style="305" customWidth="1"/>
    <col min="8199" max="8199" width="7.7109375" style="305" customWidth="1"/>
    <col min="8200" max="8200" width="9.140625" style="305" customWidth="1"/>
    <col min="8201" max="8201" width="7.5703125" style="305" customWidth="1"/>
    <col min="8202" max="8202" width="9.140625" style="305" customWidth="1"/>
    <col min="8203" max="8204" width="7.7109375" style="305" customWidth="1"/>
    <col min="8205" max="8205" width="8" style="305" customWidth="1"/>
    <col min="8206" max="8437" width="9.140625" style="305"/>
    <col min="8438" max="8438" width="32" style="305" customWidth="1"/>
    <col min="8439" max="8439" width="9.140625" style="305"/>
    <col min="8440" max="8440" width="9.140625" style="305" customWidth="1"/>
    <col min="8441" max="8441" width="9.140625" style="305"/>
    <col min="8442" max="8442" width="9.140625" style="305" customWidth="1"/>
    <col min="8443" max="8443" width="7" style="305" customWidth="1"/>
    <col min="8444" max="8444" width="9.140625" style="305" customWidth="1"/>
    <col min="8445" max="8445" width="7.42578125" style="305" customWidth="1"/>
    <col min="8446" max="8446" width="9.140625" style="305" customWidth="1"/>
    <col min="8447" max="8447" width="7.42578125" style="305" customWidth="1"/>
    <col min="8448" max="8449" width="9.140625" style="305" customWidth="1"/>
    <col min="8450" max="8450" width="7.42578125" style="305" customWidth="1"/>
    <col min="8451" max="8451" width="9.140625" style="305" customWidth="1"/>
    <col min="8452" max="8452" width="7.85546875" style="305" customWidth="1"/>
    <col min="8453" max="8454" width="9.140625" style="305" customWidth="1"/>
    <col min="8455" max="8455" width="7.7109375" style="305" customWidth="1"/>
    <col min="8456" max="8456" width="9.140625" style="305" customWidth="1"/>
    <col min="8457" max="8457" width="7.5703125" style="305" customWidth="1"/>
    <col min="8458" max="8458" width="9.140625" style="305" customWidth="1"/>
    <col min="8459" max="8460" width="7.7109375" style="305" customWidth="1"/>
    <col min="8461" max="8461" width="8" style="305" customWidth="1"/>
    <col min="8462" max="8693" width="9.140625" style="305"/>
    <col min="8694" max="8694" width="32" style="305" customWidth="1"/>
    <col min="8695" max="8695" width="9.140625" style="305"/>
    <col min="8696" max="8696" width="9.140625" style="305" customWidth="1"/>
    <col min="8697" max="8697" width="9.140625" style="305"/>
    <col min="8698" max="8698" width="9.140625" style="305" customWidth="1"/>
    <col min="8699" max="8699" width="7" style="305" customWidth="1"/>
    <col min="8700" max="8700" width="9.140625" style="305" customWidth="1"/>
    <col min="8701" max="8701" width="7.42578125" style="305" customWidth="1"/>
    <col min="8702" max="8702" width="9.140625" style="305" customWidth="1"/>
    <col min="8703" max="8703" width="7.42578125" style="305" customWidth="1"/>
    <col min="8704" max="8705" width="9.140625" style="305" customWidth="1"/>
    <col min="8706" max="8706" width="7.42578125" style="305" customWidth="1"/>
    <col min="8707" max="8707" width="9.140625" style="305" customWidth="1"/>
    <col min="8708" max="8708" width="7.85546875" style="305" customWidth="1"/>
    <col min="8709" max="8710" width="9.140625" style="305" customWidth="1"/>
    <col min="8711" max="8711" width="7.7109375" style="305" customWidth="1"/>
    <col min="8712" max="8712" width="9.140625" style="305" customWidth="1"/>
    <col min="8713" max="8713" width="7.5703125" style="305" customWidth="1"/>
    <col min="8714" max="8714" width="9.140625" style="305" customWidth="1"/>
    <col min="8715" max="8716" width="7.7109375" style="305" customWidth="1"/>
    <col min="8717" max="8717" width="8" style="305" customWidth="1"/>
    <col min="8718" max="8949" width="9.140625" style="305"/>
    <col min="8950" max="8950" width="32" style="305" customWidth="1"/>
    <col min="8951" max="8951" width="9.140625" style="305"/>
    <col min="8952" max="8952" width="9.140625" style="305" customWidth="1"/>
    <col min="8953" max="8953" width="9.140625" style="305"/>
    <col min="8954" max="8954" width="9.140625" style="305" customWidth="1"/>
    <col min="8955" max="8955" width="7" style="305" customWidth="1"/>
    <col min="8956" max="8956" width="9.140625" style="305" customWidth="1"/>
    <col min="8957" max="8957" width="7.42578125" style="305" customWidth="1"/>
    <col min="8958" max="8958" width="9.140625" style="305" customWidth="1"/>
    <col min="8959" max="8959" width="7.42578125" style="305" customWidth="1"/>
    <col min="8960" max="8961" width="9.140625" style="305" customWidth="1"/>
    <col min="8962" max="8962" width="7.42578125" style="305" customWidth="1"/>
    <col min="8963" max="8963" width="9.140625" style="305" customWidth="1"/>
    <col min="8964" max="8964" width="7.85546875" style="305" customWidth="1"/>
    <col min="8965" max="8966" width="9.140625" style="305" customWidth="1"/>
    <col min="8967" max="8967" width="7.7109375" style="305" customWidth="1"/>
    <col min="8968" max="8968" width="9.140625" style="305" customWidth="1"/>
    <col min="8969" max="8969" width="7.5703125" style="305" customWidth="1"/>
    <col min="8970" max="8970" width="9.140625" style="305" customWidth="1"/>
    <col min="8971" max="8972" width="7.7109375" style="305" customWidth="1"/>
    <col min="8973" max="8973" width="8" style="305" customWidth="1"/>
    <col min="8974" max="9205" width="9.140625" style="305"/>
    <col min="9206" max="9206" width="32" style="305" customWidth="1"/>
    <col min="9207" max="9207" width="9.140625" style="305"/>
    <col min="9208" max="9208" width="9.140625" style="305" customWidth="1"/>
    <col min="9209" max="9209" width="9.140625" style="305"/>
    <col min="9210" max="9210" width="9.140625" style="305" customWidth="1"/>
    <col min="9211" max="9211" width="7" style="305" customWidth="1"/>
    <col min="9212" max="9212" width="9.140625" style="305" customWidth="1"/>
    <col min="9213" max="9213" width="7.42578125" style="305" customWidth="1"/>
    <col min="9214" max="9214" width="9.140625" style="305" customWidth="1"/>
    <col min="9215" max="9215" width="7.42578125" style="305" customWidth="1"/>
    <col min="9216" max="9217" width="9.140625" style="305" customWidth="1"/>
    <col min="9218" max="9218" width="7.42578125" style="305" customWidth="1"/>
    <col min="9219" max="9219" width="9.140625" style="305" customWidth="1"/>
    <col min="9220" max="9220" width="7.85546875" style="305" customWidth="1"/>
    <col min="9221" max="9222" width="9.140625" style="305" customWidth="1"/>
    <col min="9223" max="9223" width="7.7109375" style="305" customWidth="1"/>
    <col min="9224" max="9224" width="9.140625" style="305" customWidth="1"/>
    <col min="9225" max="9225" width="7.5703125" style="305" customWidth="1"/>
    <col min="9226" max="9226" width="9.140625" style="305" customWidth="1"/>
    <col min="9227" max="9228" width="7.7109375" style="305" customWidth="1"/>
    <col min="9229" max="9229" width="8" style="305" customWidth="1"/>
    <col min="9230" max="9461" width="9.140625" style="305"/>
    <col min="9462" max="9462" width="32" style="305" customWidth="1"/>
    <col min="9463" max="9463" width="9.140625" style="305"/>
    <col min="9464" max="9464" width="9.140625" style="305" customWidth="1"/>
    <col min="9465" max="9465" width="9.140625" style="305"/>
    <col min="9466" max="9466" width="9.140625" style="305" customWidth="1"/>
    <col min="9467" max="9467" width="7" style="305" customWidth="1"/>
    <col min="9468" max="9468" width="9.140625" style="305" customWidth="1"/>
    <col min="9469" max="9469" width="7.42578125" style="305" customWidth="1"/>
    <col min="9470" max="9470" width="9.140625" style="305" customWidth="1"/>
    <col min="9471" max="9471" width="7.42578125" style="305" customWidth="1"/>
    <col min="9472" max="9473" width="9.140625" style="305" customWidth="1"/>
    <col min="9474" max="9474" width="7.42578125" style="305" customWidth="1"/>
    <col min="9475" max="9475" width="9.140625" style="305" customWidth="1"/>
    <col min="9476" max="9476" width="7.85546875" style="305" customWidth="1"/>
    <col min="9477" max="9478" width="9.140625" style="305" customWidth="1"/>
    <col min="9479" max="9479" width="7.7109375" style="305" customWidth="1"/>
    <col min="9480" max="9480" width="9.140625" style="305" customWidth="1"/>
    <col min="9481" max="9481" width="7.5703125" style="305" customWidth="1"/>
    <col min="9482" max="9482" width="9.140625" style="305" customWidth="1"/>
    <col min="9483" max="9484" width="7.7109375" style="305" customWidth="1"/>
    <col min="9485" max="9485" width="8" style="305" customWidth="1"/>
    <col min="9486" max="9717" width="9.140625" style="305"/>
    <col min="9718" max="9718" width="32" style="305" customWidth="1"/>
    <col min="9719" max="9719" width="9.140625" style="305"/>
    <col min="9720" max="9720" width="9.140625" style="305" customWidth="1"/>
    <col min="9721" max="9721" width="9.140625" style="305"/>
    <col min="9722" max="9722" width="9.140625" style="305" customWidth="1"/>
    <col min="9723" max="9723" width="7" style="305" customWidth="1"/>
    <col min="9724" max="9724" width="9.140625" style="305" customWidth="1"/>
    <col min="9725" max="9725" width="7.42578125" style="305" customWidth="1"/>
    <col min="9726" max="9726" width="9.140625" style="305" customWidth="1"/>
    <col min="9727" max="9727" width="7.42578125" style="305" customWidth="1"/>
    <col min="9728" max="9729" width="9.140625" style="305" customWidth="1"/>
    <col min="9730" max="9730" width="7.42578125" style="305" customWidth="1"/>
    <col min="9731" max="9731" width="9.140625" style="305" customWidth="1"/>
    <col min="9732" max="9732" width="7.85546875" style="305" customWidth="1"/>
    <col min="9733" max="9734" width="9.140625" style="305" customWidth="1"/>
    <col min="9735" max="9735" width="7.7109375" style="305" customWidth="1"/>
    <col min="9736" max="9736" width="9.140625" style="305" customWidth="1"/>
    <col min="9737" max="9737" width="7.5703125" style="305" customWidth="1"/>
    <col min="9738" max="9738" width="9.140625" style="305" customWidth="1"/>
    <col min="9739" max="9740" width="7.7109375" style="305" customWidth="1"/>
    <col min="9741" max="9741" width="8" style="305" customWidth="1"/>
    <col min="9742" max="9973" width="9.140625" style="305"/>
    <col min="9974" max="9974" width="32" style="305" customWidth="1"/>
    <col min="9975" max="9975" width="9.140625" style="305"/>
    <col min="9976" max="9976" width="9.140625" style="305" customWidth="1"/>
    <col min="9977" max="9977" width="9.140625" style="305"/>
    <col min="9978" max="9978" width="9.140625" style="305" customWidth="1"/>
    <col min="9979" max="9979" width="7" style="305" customWidth="1"/>
    <col min="9980" max="9980" width="9.140625" style="305" customWidth="1"/>
    <col min="9981" max="9981" width="7.42578125" style="305" customWidth="1"/>
    <col min="9982" max="9982" width="9.140625" style="305" customWidth="1"/>
    <col min="9983" max="9983" width="7.42578125" style="305" customWidth="1"/>
    <col min="9984" max="9985" width="9.140625" style="305" customWidth="1"/>
    <col min="9986" max="9986" width="7.42578125" style="305" customWidth="1"/>
    <col min="9987" max="9987" width="9.140625" style="305" customWidth="1"/>
    <col min="9988" max="9988" width="7.85546875" style="305" customWidth="1"/>
    <col min="9989" max="9990" width="9.140625" style="305" customWidth="1"/>
    <col min="9991" max="9991" width="7.7109375" style="305" customWidth="1"/>
    <col min="9992" max="9992" width="9.140625" style="305" customWidth="1"/>
    <col min="9993" max="9993" width="7.5703125" style="305" customWidth="1"/>
    <col min="9994" max="9994" width="9.140625" style="305" customWidth="1"/>
    <col min="9995" max="9996" width="7.7109375" style="305" customWidth="1"/>
    <col min="9997" max="9997" width="8" style="305" customWidth="1"/>
    <col min="9998" max="10229" width="9.140625" style="305"/>
    <col min="10230" max="10230" width="32" style="305" customWidth="1"/>
    <col min="10231" max="10231" width="9.140625" style="305"/>
    <col min="10232" max="10232" width="9.140625" style="305" customWidth="1"/>
    <col min="10233" max="10233" width="9.140625" style="305"/>
    <col min="10234" max="10234" width="9.140625" style="305" customWidth="1"/>
    <col min="10235" max="10235" width="7" style="305" customWidth="1"/>
    <col min="10236" max="10236" width="9.140625" style="305" customWidth="1"/>
    <col min="10237" max="10237" width="7.42578125" style="305" customWidth="1"/>
    <col min="10238" max="10238" width="9.140625" style="305" customWidth="1"/>
    <col min="10239" max="10239" width="7.42578125" style="305" customWidth="1"/>
    <col min="10240" max="10241" width="9.140625" style="305" customWidth="1"/>
    <col min="10242" max="10242" width="7.42578125" style="305" customWidth="1"/>
    <col min="10243" max="10243" width="9.140625" style="305" customWidth="1"/>
    <col min="10244" max="10244" width="7.85546875" style="305" customWidth="1"/>
    <col min="10245" max="10246" width="9.140625" style="305" customWidth="1"/>
    <col min="10247" max="10247" width="7.7109375" style="305" customWidth="1"/>
    <col min="10248" max="10248" width="9.140625" style="305" customWidth="1"/>
    <col min="10249" max="10249" width="7.5703125" style="305" customWidth="1"/>
    <col min="10250" max="10250" width="9.140625" style="305" customWidth="1"/>
    <col min="10251" max="10252" width="7.7109375" style="305" customWidth="1"/>
    <col min="10253" max="10253" width="8" style="305" customWidth="1"/>
    <col min="10254" max="10485" width="9.140625" style="305"/>
    <col min="10486" max="10486" width="32" style="305" customWidth="1"/>
    <col min="10487" max="10487" width="9.140625" style="305"/>
    <col min="10488" max="10488" width="9.140625" style="305" customWidth="1"/>
    <col min="10489" max="10489" width="9.140625" style="305"/>
    <col min="10490" max="10490" width="9.140625" style="305" customWidth="1"/>
    <col min="10491" max="10491" width="7" style="305" customWidth="1"/>
    <col min="10492" max="10492" width="9.140625" style="305" customWidth="1"/>
    <col min="10493" max="10493" width="7.42578125" style="305" customWidth="1"/>
    <col min="10494" max="10494" width="9.140625" style="305" customWidth="1"/>
    <col min="10495" max="10495" width="7.42578125" style="305" customWidth="1"/>
    <col min="10496" max="10497" width="9.140625" style="305" customWidth="1"/>
    <col min="10498" max="10498" width="7.42578125" style="305" customWidth="1"/>
    <col min="10499" max="10499" width="9.140625" style="305" customWidth="1"/>
    <col min="10500" max="10500" width="7.85546875" style="305" customWidth="1"/>
    <col min="10501" max="10502" width="9.140625" style="305" customWidth="1"/>
    <col min="10503" max="10503" width="7.7109375" style="305" customWidth="1"/>
    <col min="10504" max="10504" width="9.140625" style="305" customWidth="1"/>
    <col min="10505" max="10505" width="7.5703125" style="305" customWidth="1"/>
    <col min="10506" max="10506" width="9.140625" style="305" customWidth="1"/>
    <col min="10507" max="10508" width="7.7109375" style="305" customWidth="1"/>
    <col min="10509" max="10509" width="8" style="305" customWidth="1"/>
    <col min="10510" max="10741" width="9.140625" style="305"/>
    <col min="10742" max="10742" width="32" style="305" customWidth="1"/>
    <col min="10743" max="10743" width="9.140625" style="305"/>
    <col min="10744" max="10744" width="9.140625" style="305" customWidth="1"/>
    <col min="10745" max="10745" width="9.140625" style="305"/>
    <col min="10746" max="10746" width="9.140625" style="305" customWidth="1"/>
    <col min="10747" max="10747" width="7" style="305" customWidth="1"/>
    <col min="10748" max="10748" width="9.140625" style="305" customWidth="1"/>
    <col min="10749" max="10749" width="7.42578125" style="305" customWidth="1"/>
    <col min="10750" max="10750" width="9.140625" style="305" customWidth="1"/>
    <col min="10751" max="10751" width="7.42578125" style="305" customWidth="1"/>
    <col min="10752" max="10753" width="9.140625" style="305" customWidth="1"/>
    <col min="10754" max="10754" width="7.42578125" style="305" customWidth="1"/>
    <col min="10755" max="10755" width="9.140625" style="305" customWidth="1"/>
    <col min="10756" max="10756" width="7.85546875" style="305" customWidth="1"/>
    <col min="10757" max="10758" width="9.140625" style="305" customWidth="1"/>
    <col min="10759" max="10759" width="7.7109375" style="305" customWidth="1"/>
    <col min="10760" max="10760" width="9.140625" style="305" customWidth="1"/>
    <col min="10761" max="10761" width="7.5703125" style="305" customWidth="1"/>
    <col min="10762" max="10762" width="9.140625" style="305" customWidth="1"/>
    <col min="10763" max="10764" width="7.7109375" style="305" customWidth="1"/>
    <col min="10765" max="10765" width="8" style="305" customWidth="1"/>
    <col min="10766" max="10997" width="9.140625" style="305"/>
    <col min="10998" max="10998" width="32" style="305" customWidth="1"/>
    <col min="10999" max="10999" width="9.140625" style="305"/>
    <col min="11000" max="11000" width="9.140625" style="305" customWidth="1"/>
    <col min="11001" max="11001" width="9.140625" style="305"/>
    <col min="11002" max="11002" width="9.140625" style="305" customWidth="1"/>
    <col min="11003" max="11003" width="7" style="305" customWidth="1"/>
    <col min="11004" max="11004" width="9.140625" style="305" customWidth="1"/>
    <col min="11005" max="11005" width="7.42578125" style="305" customWidth="1"/>
    <col min="11006" max="11006" width="9.140625" style="305" customWidth="1"/>
    <col min="11007" max="11007" width="7.42578125" style="305" customWidth="1"/>
    <col min="11008" max="11009" width="9.140625" style="305" customWidth="1"/>
    <col min="11010" max="11010" width="7.42578125" style="305" customWidth="1"/>
    <col min="11011" max="11011" width="9.140625" style="305" customWidth="1"/>
    <col min="11012" max="11012" width="7.85546875" style="305" customWidth="1"/>
    <col min="11013" max="11014" width="9.140625" style="305" customWidth="1"/>
    <col min="11015" max="11015" width="7.7109375" style="305" customWidth="1"/>
    <col min="11016" max="11016" width="9.140625" style="305" customWidth="1"/>
    <col min="11017" max="11017" width="7.5703125" style="305" customWidth="1"/>
    <col min="11018" max="11018" width="9.140625" style="305" customWidth="1"/>
    <col min="11019" max="11020" width="7.7109375" style="305" customWidth="1"/>
    <col min="11021" max="11021" width="8" style="305" customWidth="1"/>
    <col min="11022" max="11253" width="9.140625" style="305"/>
    <col min="11254" max="11254" width="32" style="305" customWidth="1"/>
    <col min="11255" max="11255" width="9.140625" style="305"/>
    <col min="11256" max="11256" width="9.140625" style="305" customWidth="1"/>
    <col min="11257" max="11257" width="9.140625" style="305"/>
    <col min="11258" max="11258" width="9.140625" style="305" customWidth="1"/>
    <col min="11259" max="11259" width="7" style="305" customWidth="1"/>
    <col min="11260" max="11260" width="9.140625" style="305" customWidth="1"/>
    <col min="11261" max="11261" width="7.42578125" style="305" customWidth="1"/>
    <col min="11262" max="11262" width="9.140625" style="305" customWidth="1"/>
    <col min="11263" max="11263" width="7.42578125" style="305" customWidth="1"/>
    <col min="11264" max="11265" width="9.140625" style="305" customWidth="1"/>
    <col min="11266" max="11266" width="7.42578125" style="305" customWidth="1"/>
    <col min="11267" max="11267" width="9.140625" style="305" customWidth="1"/>
    <col min="11268" max="11268" width="7.85546875" style="305" customWidth="1"/>
    <col min="11269" max="11270" width="9.140625" style="305" customWidth="1"/>
    <col min="11271" max="11271" width="7.7109375" style="305" customWidth="1"/>
    <col min="11272" max="11272" width="9.140625" style="305" customWidth="1"/>
    <col min="11273" max="11273" width="7.5703125" style="305" customWidth="1"/>
    <col min="11274" max="11274" width="9.140625" style="305" customWidth="1"/>
    <col min="11275" max="11276" width="7.7109375" style="305" customWidth="1"/>
    <col min="11277" max="11277" width="8" style="305" customWidth="1"/>
    <col min="11278" max="11509" width="9.140625" style="305"/>
    <col min="11510" max="11510" width="32" style="305" customWidth="1"/>
    <col min="11511" max="11511" width="9.140625" style="305"/>
    <col min="11512" max="11512" width="9.140625" style="305" customWidth="1"/>
    <col min="11513" max="11513" width="9.140625" style="305"/>
    <col min="11514" max="11514" width="9.140625" style="305" customWidth="1"/>
    <col min="11515" max="11515" width="7" style="305" customWidth="1"/>
    <col min="11516" max="11516" width="9.140625" style="305" customWidth="1"/>
    <col min="11517" max="11517" width="7.42578125" style="305" customWidth="1"/>
    <col min="11518" max="11518" width="9.140625" style="305" customWidth="1"/>
    <col min="11519" max="11519" width="7.42578125" style="305" customWidth="1"/>
    <col min="11520" max="11521" width="9.140625" style="305" customWidth="1"/>
    <col min="11522" max="11522" width="7.42578125" style="305" customWidth="1"/>
    <col min="11523" max="11523" width="9.140625" style="305" customWidth="1"/>
    <col min="11524" max="11524" width="7.85546875" style="305" customWidth="1"/>
    <col min="11525" max="11526" width="9.140625" style="305" customWidth="1"/>
    <col min="11527" max="11527" width="7.7109375" style="305" customWidth="1"/>
    <col min="11528" max="11528" width="9.140625" style="305" customWidth="1"/>
    <col min="11529" max="11529" width="7.5703125" style="305" customWidth="1"/>
    <col min="11530" max="11530" width="9.140625" style="305" customWidth="1"/>
    <col min="11531" max="11532" width="7.7109375" style="305" customWidth="1"/>
    <col min="11533" max="11533" width="8" style="305" customWidth="1"/>
    <col min="11534" max="11765" width="9.140625" style="305"/>
    <col min="11766" max="11766" width="32" style="305" customWidth="1"/>
    <col min="11767" max="11767" width="9.140625" style="305"/>
    <col min="11768" max="11768" width="9.140625" style="305" customWidth="1"/>
    <col min="11769" max="11769" width="9.140625" style="305"/>
    <col min="11770" max="11770" width="9.140625" style="305" customWidth="1"/>
    <col min="11771" max="11771" width="7" style="305" customWidth="1"/>
    <col min="11772" max="11772" width="9.140625" style="305" customWidth="1"/>
    <col min="11773" max="11773" width="7.42578125" style="305" customWidth="1"/>
    <col min="11774" max="11774" width="9.140625" style="305" customWidth="1"/>
    <col min="11775" max="11775" width="7.42578125" style="305" customWidth="1"/>
    <col min="11776" max="11777" width="9.140625" style="305" customWidth="1"/>
    <col min="11778" max="11778" width="7.42578125" style="305" customWidth="1"/>
    <col min="11779" max="11779" width="9.140625" style="305" customWidth="1"/>
    <col min="11780" max="11780" width="7.85546875" style="305" customWidth="1"/>
    <col min="11781" max="11782" width="9.140625" style="305" customWidth="1"/>
    <col min="11783" max="11783" width="7.7109375" style="305" customWidth="1"/>
    <col min="11784" max="11784" width="9.140625" style="305" customWidth="1"/>
    <col min="11785" max="11785" width="7.5703125" style="305" customWidth="1"/>
    <col min="11786" max="11786" width="9.140625" style="305" customWidth="1"/>
    <col min="11787" max="11788" width="7.7109375" style="305" customWidth="1"/>
    <col min="11789" max="11789" width="8" style="305" customWidth="1"/>
    <col min="11790" max="12021" width="9.140625" style="305"/>
    <col min="12022" max="12022" width="32" style="305" customWidth="1"/>
    <col min="12023" max="12023" width="9.140625" style="305"/>
    <col min="12024" max="12024" width="9.140625" style="305" customWidth="1"/>
    <col min="12025" max="12025" width="9.140625" style="305"/>
    <col min="12026" max="12026" width="9.140625" style="305" customWidth="1"/>
    <col min="12027" max="12027" width="7" style="305" customWidth="1"/>
    <col min="12028" max="12028" width="9.140625" style="305" customWidth="1"/>
    <col min="12029" max="12029" width="7.42578125" style="305" customWidth="1"/>
    <col min="12030" max="12030" width="9.140625" style="305" customWidth="1"/>
    <col min="12031" max="12031" width="7.42578125" style="305" customWidth="1"/>
    <col min="12032" max="12033" width="9.140625" style="305" customWidth="1"/>
    <col min="12034" max="12034" width="7.42578125" style="305" customWidth="1"/>
    <col min="12035" max="12035" width="9.140625" style="305" customWidth="1"/>
    <col min="12036" max="12036" width="7.85546875" style="305" customWidth="1"/>
    <col min="12037" max="12038" width="9.140625" style="305" customWidth="1"/>
    <col min="12039" max="12039" width="7.7109375" style="305" customWidth="1"/>
    <col min="12040" max="12040" width="9.140625" style="305" customWidth="1"/>
    <col min="12041" max="12041" width="7.5703125" style="305" customWidth="1"/>
    <col min="12042" max="12042" width="9.140625" style="305" customWidth="1"/>
    <col min="12043" max="12044" width="7.7109375" style="305" customWidth="1"/>
    <col min="12045" max="12045" width="8" style="305" customWidth="1"/>
    <col min="12046" max="12277" width="9.140625" style="305"/>
    <col min="12278" max="12278" width="32" style="305" customWidth="1"/>
    <col min="12279" max="12279" width="9.140625" style="305"/>
    <col min="12280" max="12280" width="9.140625" style="305" customWidth="1"/>
    <col min="12281" max="12281" width="9.140625" style="305"/>
    <col min="12282" max="12282" width="9.140625" style="305" customWidth="1"/>
    <col min="12283" max="12283" width="7" style="305" customWidth="1"/>
    <col min="12284" max="12284" width="9.140625" style="305" customWidth="1"/>
    <col min="12285" max="12285" width="7.42578125" style="305" customWidth="1"/>
    <col min="12286" max="12286" width="9.140625" style="305" customWidth="1"/>
    <col min="12287" max="12287" width="7.42578125" style="305" customWidth="1"/>
    <col min="12288" max="12289" width="9.140625" style="305" customWidth="1"/>
    <col min="12290" max="12290" width="7.42578125" style="305" customWidth="1"/>
    <col min="12291" max="12291" width="9.140625" style="305" customWidth="1"/>
    <col min="12292" max="12292" width="7.85546875" style="305" customWidth="1"/>
    <col min="12293" max="12294" width="9.140625" style="305" customWidth="1"/>
    <col min="12295" max="12295" width="7.7109375" style="305" customWidth="1"/>
    <col min="12296" max="12296" width="9.140625" style="305" customWidth="1"/>
    <col min="12297" max="12297" width="7.5703125" style="305" customWidth="1"/>
    <col min="12298" max="12298" width="9.140625" style="305" customWidth="1"/>
    <col min="12299" max="12300" width="7.7109375" style="305" customWidth="1"/>
    <col min="12301" max="12301" width="8" style="305" customWidth="1"/>
    <col min="12302" max="12533" width="9.140625" style="305"/>
    <col min="12534" max="12534" width="32" style="305" customWidth="1"/>
    <col min="12535" max="12535" width="9.140625" style="305"/>
    <col min="12536" max="12536" width="9.140625" style="305" customWidth="1"/>
    <col min="12537" max="12537" width="9.140625" style="305"/>
    <col min="12538" max="12538" width="9.140625" style="305" customWidth="1"/>
    <col min="12539" max="12539" width="7" style="305" customWidth="1"/>
    <col min="12540" max="12540" width="9.140625" style="305" customWidth="1"/>
    <col min="12541" max="12541" width="7.42578125" style="305" customWidth="1"/>
    <col min="12542" max="12542" width="9.140625" style="305" customWidth="1"/>
    <col min="12543" max="12543" width="7.42578125" style="305" customWidth="1"/>
    <col min="12544" max="12545" width="9.140625" style="305" customWidth="1"/>
    <col min="12546" max="12546" width="7.42578125" style="305" customWidth="1"/>
    <col min="12547" max="12547" width="9.140625" style="305" customWidth="1"/>
    <col min="12548" max="12548" width="7.85546875" style="305" customWidth="1"/>
    <col min="12549" max="12550" width="9.140625" style="305" customWidth="1"/>
    <col min="12551" max="12551" width="7.7109375" style="305" customWidth="1"/>
    <col min="12552" max="12552" width="9.140625" style="305" customWidth="1"/>
    <col min="12553" max="12553" width="7.5703125" style="305" customWidth="1"/>
    <col min="12554" max="12554" width="9.140625" style="305" customWidth="1"/>
    <col min="12555" max="12556" width="7.7109375" style="305" customWidth="1"/>
    <col min="12557" max="12557" width="8" style="305" customWidth="1"/>
    <col min="12558" max="12789" width="9.140625" style="305"/>
    <col min="12790" max="12790" width="32" style="305" customWidth="1"/>
    <col min="12791" max="12791" width="9.140625" style="305"/>
    <col min="12792" max="12792" width="9.140625" style="305" customWidth="1"/>
    <col min="12793" max="12793" width="9.140625" style="305"/>
    <col min="12794" max="12794" width="9.140625" style="305" customWidth="1"/>
    <col min="12795" max="12795" width="7" style="305" customWidth="1"/>
    <col min="12796" max="12796" width="9.140625" style="305" customWidth="1"/>
    <col min="12797" max="12797" width="7.42578125" style="305" customWidth="1"/>
    <col min="12798" max="12798" width="9.140625" style="305" customWidth="1"/>
    <col min="12799" max="12799" width="7.42578125" style="305" customWidth="1"/>
    <col min="12800" max="12801" width="9.140625" style="305" customWidth="1"/>
    <col min="12802" max="12802" width="7.42578125" style="305" customWidth="1"/>
    <col min="12803" max="12803" width="9.140625" style="305" customWidth="1"/>
    <col min="12804" max="12804" width="7.85546875" style="305" customWidth="1"/>
    <col min="12805" max="12806" width="9.140625" style="305" customWidth="1"/>
    <col min="12807" max="12807" width="7.7109375" style="305" customWidth="1"/>
    <col min="12808" max="12808" width="9.140625" style="305" customWidth="1"/>
    <col min="12809" max="12809" width="7.5703125" style="305" customWidth="1"/>
    <col min="12810" max="12810" width="9.140625" style="305" customWidth="1"/>
    <col min="12811" max="12812" width="7.7109375" style="305" customWidth="1"/>
    <col min="12813" max="12813" width="8" style="305" customWidth="1"/>
    <col min="12814" max="13045" width="9.140625" style="305"/>
    <col min="13046" max="13046" width="32" style="305" customWidth="1"/>
    <col min="13047" max="13047" width="9.140625" style="305"/>
    <col min="13048" max="13048" width="9.140625" style="305" customWidth="1"/>
    <col min="13049" max="13049" width="9.140625" style="305"/>
    <col min="13050" max="13050" width="9.140625" style="305" customWidth="1"/>
    <col min="13051" max="13051" width="7" style="305" customWidth="1"/>
    <col min="13052" max="13052" width="9.140625" style="305" customWidth="1"/>
    <col min="13053" max="13053" width="7.42578125" style="305" customWidth="1"/>
    <col min="13054" max="13054" width="9.140625" style="305" customWidth="1"/>
    <col min="13055" max="13055" width="7.42578125" style="305" customWidth="1"/>
    <col min="13056" max="13057" width="9.140625" style="305" customWidth="1"/>
    <col min="13058" max="13058" width="7.42578125" style="305" customWidth="1"/>
    <col min="13059" max="13059" width="9.140625" style="305" customWidth="1"/>
    <col min="13060" max="13060" width="7.85546875" style="305" customWidth="1"/>
    <col min="13061" max="13062" width="9.140625" style="305" customWidth="1"/>
    <col min="13063" max="13063" width="7.7109375" style="305" customWidth="1"/>
    <col min="13064" max="13064" width="9.140625" style="305" customWidth="1"/>
    <col min="13065" max="13065" width="7.5703125" style="305" customWidth="1"/>
    <col min="13066" max="13066" width="9.140625" style="305" customWidth="1"/>
    <col min="13067" max="13068" width="7.7109375" style="305" customWidth="1"/>
    <col min="13069" max="13069" width="8" style="305" customWidth="1"/>
    <col min="13070" max="13301" width="9.140625" style="305"/>
    <col min="13302" max="13302" width="32" style="305" customWidth="1"/>
    <col min="13303" max="13303" width="9.140625" style="305"/>
    <col min="13304" max="13304" width="9.140625" style="305" customWidth="1"/>
    <col min="13305" max="13305" width="9.140625" style="305"/>
    <col min="13306" max="13306" width="9.140625" style="305" customWidth="1"/>
    <col min="13307" max="13307" width="7" style="305" customWidth="1"/>
    <col min="13308" max="13308" width="9.140625" style="305" customWidth="1"/>
    <col min="13309" max="13309" width="7.42578125" style="305" customWidth="1"/>
    <col min="13310" max="13310" width="9.140625" style="305" customWidth="1"/>
    <col min="13311" max="13311" width="7.42578125" style="305" customWidth="1"/>
    <col min="13312" max="13313" width="9.140625" style="305" customWidth="1"/>
    <col min="13314" max="13314" width="7.42578125" style="305" customWidth="1"/>
    <col min="13315" max="13315" width="9.140625" style="305" customWidth="1"/>
    <col min="13316" max="13316" width="7.85546875" style="305" customWidth="1"/>
    <col min="13317" max="13318" width="9.140625" style="305" customWidth="1"/>
    <col min="13319" max="13319" width="7.7109375" style="305" customWidth="1"/>
    <col min="13320" max="13320" width="9.140625" style="305" customWidth="1"/>
    <col min="13321" max="13321" width="7.5703125" style="305" customWidth="1"/>
    <col min="13322" max="13322" width="9.140625" style="305" customWidth="1"/>
    <col min="13323" max="13324" width="7.7109375" style="305" customWidth="1"/>
    <col min="13325" max="13325" width="8" style="305" customWidth="1"/>
    <col min="13326" max="13557" width="9.140625" style="305"/>
    <col min="13558" max="13558" width="32" style="305" customWidth="1"/>
    <col min="13559" max="13559" width="9.140625" style="305"/>
    <col min="13560" max="13560" width="9.140625" style="305" customWidth="1"/>
    <col min="13561" max="13561" width="9.140625" style="305"/>
    <col min="13562" max="13562" width="9.140625" style="305" customWidth="1"/>
    <col min="13563" max="13563" width="7" style="305" customWidth="1"/>
    <col min="13564" max="13564" width="9.140625" style="305" customWidth="1"/>
    <col min="13565" max="13565" width="7.42578125" style="305" customWidth="1"/>
    <col min="13566" max="13566" width="9.140625" style="305" customWidth="1"/>
    <col min="13567" max="13567" width="7.42578125" style="305" customWidth="1"/>
    <col min="13568" max="13569" width="9.140625" style="305" customWidth="1"/>
    <col min="13570" max="13570" width="7.42578125" style="305" customWidth="1"/>
    <col min="13571" max="13571" width="9.140625" style="305" customWidth="1"/>
    <col min="13572" max="13572" width="7.85546875" style="305" customWidth="1"/>
    <col min="13573" max="13574" width="9.140625" style="305" customWidth="1"/>
    <col min="13575" max="13575" width="7.7109375" style="305" customWidth="1"/>
    <col min="13576" max="13576" width="9.140625" style="305" customWidth="1"/>
    <col min="13577" max="13577" width="7.5703125" style="305" customWidth="1"/>
    <col min="13578" max="13578" width="9.140625" style="305" customWidth="1"/>
    <col min="13579" max="13580" width="7.7109375" style="305" customWidth="1"/>
    <col min="13581" max="13581" width="8" style="305" customWidth="1"/>
    <col min="13582" max="13813" width="9.140625" style="305"/>
    <col min="13814" max="13814" width="32" style="305" customWidth="1"/>
    <col min="13815" max="13815" width="9.140625" style="305"/>
    <col min="13816" max="13816" width="9.140625" style="305" customWidth="1"/>
    <col min="13817" max="13817" width="9.140625" style="305"/>
    <col min="13818" max="13818" width="9.140625" style="305" customWidth="1"/>
    <col min="13819" max="13819" width="7" style="305" customWidth="1"/>
    <col min="13820" max="13820" width="9.140625" style="305" customWidth="1"/>
    <col min="13821" max="13821" width="7.42578125" style="305" customWidth="1"/>
    <col min="13822" max="13822" width="9.140625" style="305" customWidth="1"/>
    <col min="13823" max="13823" width="7.42578125" style="305" customWidth="1"/>
    <col min="13824" max="13825" width="9.140625" style="305" customWidth="1"/>
    <col min="13826" max="13826" width="7.42578125" style="305" customWidth="1"/>
    <col min="13827" max="13827" width="9.140625" style="305" customWidth="1"/>
    <col min="13828" max="13828" width="7.85546875" style="305" customWidth="1"/>
    <col min="13829" max="13830" width="9.140625" style="305" customWidth="1"/>
    <col min="13831" max="13831" width="7.7109375" style="305" customWidth="1"/>
    <col min="13832" max="13832" width="9.140625" style="305" customWidth="1"/>
    <col min="13833" max="13833" width="7.5703125" style="305" customWidth="1"/>
    <col min="13834" max="13834" width="9.140625" style="305" customWidth="1"/>
    <col min="13835" max="13836" width="7.7109375" style="305" customWidth="1"/>
    <col min="13837" max="13837" width="8" style="305" customWidth="1"/>
    <col min="13838" max="14069" width="9.140625" style="305"/>
    <col min="14070" max="14070" width="32" style="305" customWidth="1"/>
    <col min="14071" max="14071" width="9.140625" style="305"/>
    <col min="14072" max="14072" width="9.140625" style="305" customWidth="1"/>
    <col min="14073" max="14073" width="9.140625" style="305"/>
    <col min="14074" max="14074" width="9.140625" style="305" customWidth="1"/>
    <col min="14075" max="14075" width="7" style="305" customWidth="1"/>
    <col min="14076" max="14076" width="9.140625" style="305" customWidth="1"/>
    <col min="14077" max="14077" width="7.42578125" style="305" customWidth="1"/>
    <col min="14078" max="14078" width="9.140625" style="305" customWidth="1"/>
    <col min="14079" max="14079" width="7.42578125" style="305" customWidth="1"/>
    <col min="14080" max="14081" width="9.140625" style="305" customWidth="1"/>
    <col min="14082" max="14082" width="7.42578125" style="305" customWidth="1"/>
    <col min="14083" max="14083" width="9.140625" style="305" customWidth="1"/>
    <col min="14084" max="14084" width="7.85546875" style="305" customWidth="1"/>
    <col min="14085" max="14086" width="9.140625" style="305" customWidth="1"/>
    <col min="14087" max="14087" width="7.7109375" style="305" customWidth="1"/>
    <col min="14088" max="14088" width="9.140625" style="305" customWidth="1"/>
    <col min="14089" max="14089" width="7.5703125" style="305" customWidth="1"/>
    <col min="14090" max="14090" width="9.140625" style="305" customWidth="1"/>
    <col min="14091" max="14092" width="7.7109375" style="305" customWidth="1"/>
    <col min="14093" max="14093" width="8" style="305" customWidth="1"/>
    <col min="14094" max="14325" width="9.140625" style="305"/>
    <col min="14326" max="14326" width="32" style="305" customWidth="1"/>
    <col min="14327" max="14327" width="9.140625" style="305"/>
    <col min="14328" max="14328" width="9.140625" style="305" customWidth="1"/>
    <col min="14329" max="14329" width="9.140625" style="305"/>
    <col min="14330" max="14330" width="9.140625" style="305" customWidth="1"/>
    <col min="14331" max="14331" width="7" style="305" customWidth="1"/>
    <col min="14332" max="14332" width="9.140625" style="305" customWidth="1"/>
    <col min="14333" max="14333" width="7.42578125" style="305" customWidth="1"/>
    <col min="14334" max="14334" width="9.140625" style="305" customWidth="1"/>
    <col min="14335" max="14335" width="7.42578125" style="305" customWidth="1"/>
    <col min="14336" max="14337" width="9.140625" style="305" customWidth="1"/>
    <col min="14338" max="14338" width="7.42578125" style="305" customWidth="1"/>
    <col min="14339" max="14339" width="9.140625" style="305" customWidth="1"/>
    <col min="14340" max="14340" width="7.85546875" style="305" customWidth="1"/>
    <col min="14341" max="14342" width="9.140625" style="305" customWidth="1"/>
    <col min="14343" max="14343" width="7.7109375" style="305" customWidth="1"/>
    <col min="14344" max="14344" width="9.140625" style="305" customWidth="1"/>
    <col min="14345" max="14345" width="7.5703125" style="305" customWidth="1"/>
    <col min="14346" max="14346" width="9.140625" style="305" customWidth="1"/>
    <col min="14347" max="14348" width="7.7109375" style="305" customWidth="1"/>
    <col min="14349" max="14349" width="8" style="305" customWidth="1"/>
    <col min="14350" max="14581" width="9.140625" style="305"/>
    <col min="14582" max="14582" width="32" style="305" customWidth="1"/>
    <col min="14583" max="14583" width="9.140625" style="305"/>
    <col min="14584" max="14584" width="9.140625" style="305" customWidth="1"/>
    <col min="14585" max="14585" width="9.140625" style="305"/>
    <col min="14586" max="14586" width="9.140625" style="305" customWidth="1"/>
    <col min="14587" max="14587" width="7" style="305" customWidth="1"/>
    <col min="14588" max="14588" width="9.140625" style="305" customWidth="1"/>
    <col min="14589" max="14589" width="7.42578125" style="305" customWidth="1"/>
    <col min="14590" max="14590" width="9.140625" style="305" customWidth="1"/>
    <col min="14591" max="14591" width="7.42578125" style="305" customWidth="1"/>
    <col min="14592" max="14593" width="9.140625" style="305" customWidth="1"/>
    <col min="14594" max="14594" width="7.42578125" style="305" customWidth="1"/>
    <col min="14595" max="14595" width="9.140625" style="305" customWidth="1"/>
    <col min="14596" max="14596" width="7.85546875" style="305" customWidth="1"/>
    <col min="14597" max="14598" width="9.140625" style="305" customWidth="1"/>
    <col min="14599" max="14599" width="7.7109375" style="305" customWidth="1"/>
    <col min="14600" max="14600" width="9.140625" style="305" customWidth="1"/>
    <col min="14601" max="14601" width="7.5703125" style="305" customWidth="1"/>
    <col min="14602" max="14602" width="9.140625" style="305" customWidth="1"/>
    <col min="14603" max="14604" width="7.7109375" style="305" customWidth="1"/>
    <col min="14605" max="14605" width="8" style="305" customWidth="1"/>
    <col min="14606" max="14837" width="9.140625" style="305"/>
    <col min="14838" max="14838" width="32" style="305" customWidth="1"/>
    <col min="14839" max="14839" width="9.140625" style="305"/>
    <col min="14840" max="14840" width="9.140625" style="305" customWidth="1"/>
    <col min="14841" max="14841" width="9.140625" style="305"/>
    <col min="14842" max="14842" width="9.140625" style="305" customWidth="1"/>
    <col min="14843" max="14843" width="7" style="305" customWidth="1"/>
    <col min="14844" max="14844" width="9.140625" style="305" customWidth="1"/>
    <col min="14845" max="14845" width="7.42578125" style="305" customWidth="1"/>
    <col min="14846" max="14846" width="9.140625" style="305" customWidth="1"/>
    <col min="14847" max="14847" width="7.42578125" style="305" customWidth="1"/>
    <col min="14848" max="14849" width="9.140625" style="305" customWidth="1"/>
    <col min="14850" max="14850" width="7.42578125" style="305" customWidth="1"/>
    <col min="14851" max="14851" width="9.140625" style="305" customWidth="1"/>
    <col min="14852" max="14852" width="7.85546875" style="305" customWidth="1"/>
    <col min="14853" max="14854" width="9.140625" style="305" customWidth="1"/>
    <col min="14855" max="14855" width="7.7109375" style="305" customWidth="1"/>
    <col min="14856" max="14856" width="9.140625" style="305" customWidth="1"/>
    <col min="14857" max="14857" width="7.5703125" style="305" customWidth="1"/>
    <col min="14858" max="14858" width="9.140625" style="305" customWidth="1"/>
    <col min="14859" max="14860" width="7.7109375" style="305" customWidth="1"/>
    <col min="14861" max="14861" width="8" style="305" customWidth="1"/>
    <col min="14862" max="15093" width="9.140625" style="305"/>
    <col min="15094" max="15094" width="32" style="305" customWidth="1"/>
    <col min="15095" max="15095" width="9.140625" style="305"/>
    <col min="15096" max="15096" width="9.140625" style="305" customWidth="1"/>
    <col min="15097" max="15097" width="9.140625" style="305"/>
    <col min="15098" max="15098" width="9.140625" style="305" customWidth="1"/>
    <col min="15099" max="15099" width="7" style="305" customWidth="1"/>
    <col min="15100" max="15100" width="9.140625" style="305" customWidth="1"/>
    <col min="15101" max="15101" width="7.42578125" style="305" customWidth="1"/>
    <col min="15102" max="15102" width="9.140625" style="305" customWidth="1"/>
    <col min="15103" max="15103" width="7.42578125" style="305" customWidth="1"/>
    <col min="15104" max="15105" width="9.140625" style="305" customWidth="1"/>
    <col min="15106" max="15106" width="7.42578125" style="305" customWidth="1"/>
    <col min="15107" max="15107" width="9.140625" style="305" customWidth="1"/>
    <col min="15108" max="15108" width="7.85546875" style="305" customWidth="1"/>
    <col min="15109" max="15110" width="9.140625" style="305" customWidth="1"/>
    <col min="15111" max="15111" width="7.7109375" style="305" customWidth="1"/>
    <col min="15112" max="15112" width="9.140625" style="305" customWidth="1"/>
    <col min="15113" max="15113" width="7.5703125" style="305" customWidth="1"/>
    <col min="15114" max="15114" width="9.140625" style="305" customWidth="1"/>
    <col min="15115" max="15116" width="7.7109375" style="305" customWidth="1"/>
    <col min="15117" max="15117" width="8" style="305" customWidth="1"/>
    <col min="15118" max="15349" width="9.140625" style="305"/>
    <col min="15350" max="15350" width="32" style="305" customWidth="1"/>
    <col min="15351" max="15351" width="9.140625" style="305"/>
    <col min="15352" max="15352" width="9.140625" style="305" customWidth="1"/>
    <col min="15353" max="15353" width="9.140625" style="305"/>
    <col min="15354" max="15354" width="9.140625" style="305" customWidth="1"/>
    <col min="15355" max="15355" width="7" style="305" customWidth="1"/>
    <col min="15356" max="15356" width="9.140625" style="305" customWidth="1"/>
    <col min="15357" max="15357" width="7.42578125" style="305" customWidth="1"/>
    <col min="15358" max="15358" width="9.140625" style="305" customWidth="1"/>
    <col min="15359" max="15359" width="7.42578125" style="305" customWidth="1"/>
    <col min="15360" max="15361" width="9.140625" style="305" customWidth="1"/>
    <col min="15362" max="15362" width="7.42578125" style="305" customWidth="1"/>
    <col min="15363" max="15363" width="9.140625" style="305" customWidth="1"/>
    <col min="15364" max="15364" width="7.85546875" style="305" customWidth="1"/>
    <col min="15365" max="15366" width="9.140625" style="305" customWidth="1"/>
    <col min="15367" max="15367" width="7.7109375" style="305" customWidth="1"/>
    <col min="15368" max="15368" width="9.140625" style="305" customWidth="1"/>
    <col min="15369" max="15369" width="7.5703125" style="305" customWidth="1"/>
    <col min="15370" max="15370" width="9.140625" style="305" customWidth="1"/>
    <col min="15371" max="15372" width="7.7109375" style="305" customWidth="1"/>
    <col min="15373" max="15373" width="8" style="305" customWidth="1"/>
    <col min="15374" max="15605" width="9.140625" style="305"/>
    <col min="15606" max="15606" width="32" style="305" customWidth="1"/>
    <col min="15607" max="15607" width="9.140625" style="305"/>
    <col min="15608" max="15608" width="9.140625" style="305" customWidth="1"/>
    <col min="15609" max="15609" width="9.140625" style="305"/>
    <col min="15610" max="15610" width="9.140625" style="305" customWidth="1"/>
    <col min="15611" max="15611" width="7" style="305" customWidth="1"/>
    <col min="15612" max="15612" width="9.140625" style="305" customWidth="1"/>
    <col min="15613" max="15613" width="7.42578125" style="305" customWidth="1"/>
    <col min="15614" max="15614" width="9.140625" style="305" customWidth="1"/>
    <col min="15615" max="15615" width="7.42578125" style="305" customWidth="1"/>
    <col min="15616" max="15617" width="9.140625" style="305" customWidth="1"/>
    <col min="15618" max="15618" width="7.42578125" style="305" customWidth="1"/>
    <col min="15619" max="15619" width="9.140625" style="305" customWidth="1"/>
    <col min="15620" max="15620" width="7.85546875" style="305" customWidth="1"/>
    <col min="15621" max="15622" width="9.140625" style="305" customWidth="1"/>
    <col min="15623" max="15623" width="7.7109375" style="305" customWidth="1"/>
    <col min="15624" max="15624" width="9.140625" style="305" customWidth="1"/>
    <col min="15625" max="15625" width="7.5703125" style="305" customWidth="1"/>
    <col min="15626" max="15626" width="9.140625" style="305" customWidth="1"/>
    <col min="15627" max="15628" width="7.7109375" style="305" customWidth="1"/>
    <col min="15629" max="15629" width="8" style="305" customWidth="1"/>
    <col min="15630" max="15861" width="9.140625" style="305"/>
    <col min="15862" max="15862" width="32" style="305" customWidth="1"/>
    <col min="15863" max="15863" width="9.140625" style="305"/>
    <col min="15864" max="15864" width="9.140625" style="305" customWidth="1"/>
    <col min="15865" max="15865" width="9.140625" style="305"/>
    <col min="15866" max="15866" width="9.140625" style="305" customWidth="1"/>
    <col min="15867" max="15867" width="7" style="305" customWidth="1"/>
    <col min="15868" max="15868" width="9.140625" style="305" customWidth="1"/>
    <col min="15869" max="15869" width="7.42578125" style="305" customWidth="1"/>
    <col min="15870" max="15870" width="9.140625" style="305" customWidth="1"/>
    <col min="15871" max="15871" width="7.42578125" style="305" customWidth="1"/>
    <col min="15872" max="15873" width="9.140625" style="305" customWidth="1"/>
    <col min="15874" max="15874" width="7.42578125" style="305" customWidth="1"/>
    <col min="15875" max="15875" width="9.140625" style="305" customWidth="1"/>
    <col min="15876" max="15876" width="7.85546875" style="305" customWidth="1"/>
    <col min="15877" max="15878" width="9.140625" style="305" customWidth="1"/>
    <col min="15879" max="15879" width="7.7109375" style="305" customWidth="1"/>
    <col min="15880" max="15880" width="9.140625" style="305" customWidth="1"/>
    <col min="15881" max="15881" width="7.5703125" style="305" customWidth="1"/>
    <col min="15882" max="15882" width="9.140625" style="305" customWidth="1"/>
    <col min="15883" max="15884" width="7.7109375" style="305" customWidth="1"/>
    <col min="15885" max="15885" width="8" style="305" customWidth="1"/>
    <col min="15886" max="16117" width="9.140625" style="305"/>
    <col min="16118" max="16118" width="32" style="305" customWidth="1"/>
    <col min="16119" max="16119" width="9.140625" style="305"/>
    <col min="16120" max="16120" width="9.140625" style="305" customWidth="1"/>
    <col min="16121" max="16121" width="9.140625" style="305"/>
    <col min="16122" max="16122" width="9.140625" style="305" customWidth="1"/>
    <col min="16123" max="16123" width="7" style="305" customWidth="1"/>
    <col min="16124" max="16124" width="9.140625" style="305" customWidth="1"/>
    <col min="16125" max="16125" width="7.42578125" style="305" customWidth="1"/>
    <col min="16126" max="16126" width="9.140625" style="305" customWidth="1"/>
    <col min="16127" max="16127" width="7.42578125" style="305" customWidth="1"/>
    <col min="16128" max="16129" width="9.140625" style="305" customWidth="1"/>
    <col min="16130" max="16130" width="7.42578125" style="305" customWidth="1"/>
    <col min="16131" max="16131" width="9.140625" style="305" customWidth="1"/>
    <col min="16132" max="16132" width="7.85546875" style="305" customWidth="1"/>
    <col min="16133" max="16134" width="9.140625" style="305" customWidth="1"/>
    <col min="16135" max="16135" width="7.7109375" style="305" customWidth="1"/>
    <col min="16136" max="16136" width="9.140625" style="305" customWidth="1"/>
    <col min="16137" max="16137" width="7.5703125" style="305" customWidth="1"/>
    <col min="16138" max="16138" width="9.140625" style="305" customWidth="1"/>
    <col min="16139" max="16140" width="7.7109375" style="305" customWidth="1"/>
    <col min="16141" max="16141" width="8" style="305" customWidth="1"/>
    <col min="16142" max="16384" width="9.140625" style="305"/>
  </cols>
  <sheetData>
    <row r="1" spans="1:13" ht="10.5" x14ac:dyDescent="0.2">
      <c r="A1" s="553"/>
    </row>
    <row r="3" spans="1:13" ht="11.25" customHeight="1" x14ac:dyDescent="0.2">
      <c r="A3" s="1126" t="s">
        <v>643</v>
      </c>
      <c r="B3" s="1126"/>
      <c r="C3" s="1126"/>
      <c r="D3" s="1126"/>
      <c r="E3" s="1126"/>
      <c r="F3" s="1126"/>
      <c r="G3" s="1126"/>
      <c r="H3" s="1126"/>
      <c r="I3" s="1126"/>
      <c r="J3" s="1126"/>
      <c r="K3" s="1126"/>
      <c r="L3" s="1126"/>
      <c r="M3" s="555"/>
    </row>
    <row r="4" spans="1:13" ht="11.25" customHeight="1" x14ac:dyDescent="0.2">
      <c r="A4" s="1126" t="s">
        <v>105</v>
      </c>
      <c r="B4" s="1126"/>
      <c r="C4" s="1126"/>
      <c r="D4" s="1126"/>
      <c r="E4" s="1126"/>
      <c r="F4" s="1126"/>
      <c r="G4" s="1126"/>
      <c r="H4" s="1126"/>
      <c r="I4" s="1126"/>
      <c r="J4" s="1126"/>
      <c r="K4" s="1126"/>
      <c r="L4" s="1126"/>
      <c r="M4" s="555"/>
    </row>
    <row r="5" spans="1:13" ht="11.25" customHeight="1" x14ac:dyDescent="0.2">
      <c r="A5" s="1126" t="s">
        <v>828</v>
      </c>
      <c r="B5" s="1126"/>
      <c r="C5" s="1126"/>
      <c r="D5" s="1126"/>
      <c r="E5" s="1126"/>
      <c r="F5" s="1126"/>
      <c r="G5" s="1126"/>
      <c r="H5" s="1126"/>
      <c r="I5" s="1126"/>
      <c r="J5" s="1126"/>
      <c r="K5" s="1126"/>
      <c r="L5" s="1126"/>
      <c r="M5" s="555"/>
    </row>
    <row r="6" spans="1:13" ht="11.25" customHeight="1" x14ac:dyDescent="0.2">
      <c r="A6" s="1127" t="s">
        <v>107</v>
      </c>
      <c r="B6" s="1126"/>
      <c r="C6" s="1126"/>
      <c r="D6" s="1126"/>
      <c r="E6" s="1126"/>
      <c r="F6" s="1126"/>
      <c r="G6" s="1126"/>
      <c r="H6" s="1126"/>
      <c r="I6" s="1126"/>
      <c r="J6" s="1126"/>
      <c r="K6" s="1126"/>
      <c r="L6" s="1126"/>
      <c r="M6" s="555"/>
    </row>
    <row r="7" spans="1:13" ht="11.25" customHeight="1" x14ac:dyDescent="0.2">
      <c r="A7" s="1126" t="s">
        <v>869</v>
      </c>
      <c r="B7" s="1126"/>
      <c r="C7" s="1126"/>
      <c r="D7" s="1126"/>
      <c r="E7" s="1126"/>
      <c r="F7" s="1126"/>
      <c r="G7" s="1126"/>
      <c r="H7" s="1126"/>
      <c r="I7" s="1126"/>
      <c r="J7" s="1126"/>
      <c r="K7" s="1126"/>
      <c r="L7" s="1126"/>
      <c r="M7" s="555"/>
    </row>
    <row r="8" spans="1:13" ht="11.25" customHeight="1" x14ac:dyDescent="0.2">
      <c r="A8" s="1125"/>
      <c r="B8" s="1125"/>
      <c r="C8" s="1125"/>
      <c r="D8" s="1125"/>
      <c r="E8" s="1125"/>
      <c r="F8" s="1125"/>
      <c r="G8" s="1125"/>
      <c r="H8" s="1125"/>
      <c r="I8" s="1125"/>
      <c r="J8" s="1125"/>
      <c r="K8" s="1125"/>
      <c r="L8" s="1125"/>
      <c r="M8" s="555"/>
    </row>
    <row r="9" spans="1:13" ht="11.25" customHeight="1" x14ac:dyDescent="0.2">
      <c r="A9" s="1124" t="s">
        <v>829</v>
      </c>
      <c r="B9" s="1124"/>
      <c r="C9" s="1124"/>
      <c r="D9" s="1124"/>
      <c r="E9" s="554"/>
      <c r="F9" s="554"/>
      <c r="G9" s="554"/>
      <c r="H9" s="554"/>
      <c r="I9" s="554"/>
      <c r="J9" s="554"/>
      <c r="K9" s="1121">
        <v>1</v>
      </c>
      <c r="L9" s="1121"/>
      <c r="M9" s="555"/>
    </row>
    <row r="10" spans="1:13" s="243" customFormat="1" ht="12" customHeight="1" x14ac:dyDescent="0.2">
      <c r="A10" s="856" t="s">
        <v>173</v>
      </c>
      <c r="B10" s="820" t="s">
        <v>830</v>
      </c>
      <c r="C10" s="821"/>
      <c r="D10" s="822"/>
      <c r="E10" s="859" t="s">
        <v>865</v>
      </c>
      <c r="F10" s="767"/>
      <c r="G10" s="767"/>
      <c r="H10" s="767"/>
      <c r="I10" s="767"/>
      <c r="J10" s="768"/>
      <c r="K10" s="1122" t="s">
        <v>831</v>
      </c>
      <c r="L10" s="1123"/>
      <c r="M10" s="555"/>
    </row>
    <row r="11" spans="1:13" s="243" customFormat="1" ht="11.25" customHeight="1" x14ac:dyDescent="0.2">
      <c r="A11" s="846"/>
      <c r="B11" s="845" t="s">
        <v>832</v>
      </c>
      <c r="C11" s="851"/>
      <c r="D11" s="825"/>
      <c r="E11" s="871" t="s">
        <v>833</v>
      </c>
      <c r="F11" s="865"/>
      <c r="G11" s="856"/>
      <c r="H11" s="871" t="s">
        <v>834</v>
      </c>
      <c r="I11" s="865"/>
      <c r="J11" s="856"/>
      <c r="K11" s="849"/>
      <c r="L11" s="851"/>
      <c r="M11" s="555"/>
    </row>
    <row r="12" spans="1:13" s="243" customFormat="1" ht="11.25" customHeight="1" x14ac:dyDescent="0.2">
      <c r="A12" s="846"/>
      <c r="B12" s="845" t="s">
        <v>835</v>
      </c>
      <c r="C12" s="851"/>
      <c r="D12" s="825"/>
      <c r="E12" s="845"/>
      <c r="F12" s="1094"/>
      <c r="G12" s="846"/>
      <c r="H12" s="845"/>
      <c r="I12" s="1094"/>
      <c r="J12" s="846"/>
      <c r="K12" s="845" t="s">
        <v>836</v>
      </c>
      <c r="L12" s="1094"/>
      <c r="M12" s="555"/>
    </row>
    <row r="13" spans="1:13" s="243" customFormat="1" ht="21" customHeight="1" x14ac:dyDescent="0.2">
      <c r="A13" s="848"/>
      <c r="B13" s="847" t="s">
        <v>116</v>
      </c>
      <c r="C13" s="882"/>
      <c r="D13" s="826"/>
      <c r="E13" s="847"/>
      <c r="F13" s="866"/>
      <c r="G13" s="848"/>
      <c r="H13" s="882" t="s">
        <v>117</v>
      </c>
      <c r="I13" s="882"/>
      <c r="J13" s="826"/>
      <c r="K13" s="847"/>
      <c r="L13" s="866"/>
      <c r="M13" s="555"/>
    </row>
    <row r="14" spans="1:13" s="176" customFormat="1" ht="11.25" customHeight="1" x14ac:dyDescent="0.2">
      <c r="A14" s="556" t="s">
        <v>837</v>
      </c>
      <c r="B14" s="1100"/>
      <c r="C14" s="1101"/>
      <c r="D14" s="1102"/>
      <c r="E14" s="1101"/>
      <c r="F14" s="1101"/>
      <c r="G14" s="1102"/>
      <c r="H14" s="1101"/>
      <c r="I14" s="1101"/>
      <c r="J14" s="1102"/>
      <c r="K14" s="1103"/>
      <c r="L14" s="1104"/>
      <c r="M14" s="557"/>
    </row>
    <row r="15" spans="1:13" s="243" customFormat="1" ht="11.25" customHeight="1" x14ac:dyDescent="0.2">
      <c r="A15" s="64" t="s">
        <v>838</v>
      </c>
      <c r="B15" s="1105"/>
      <c r="C15" s="1106"/>
      <c r="D15" s="1107"/>
      <c r="E15" s="1108"/>
      <c r="F15" s="1106"/>
      <c r="G15" s="1107"/>
      <c r="H15" s="1108"/>
      <c r="I15" s="1106"/>
      <c r="J15" s="1107"/>
      <c r="K15" s="1109"/>
      <c r="L15" s="1110"/>
      <c r="M15" s="555"/>
    </row>
    <row r="16" spans="1:13" s="243" customFormat="1" ht="11.25" customHeight="1" x14ac:dyDescent="0.2">
      <c r="A16" s="64" t="s">
        <v>839</v>
      </c>
      <c r="B16" s="1105"/>
      <c r="C16" s="1106"/>
      <c r="D16" s="1107"/>
      <c r="E16" s="1108"/>
      <c r="F16" s="1106"/>
      <c r="G16" s="1107"/>
      <c r="H16" s="1108"/>
      <c r="I16" s="1106"/>
      <c r="J16" s="1107"/>
      <c r="K16" s="1109"/>
      <c r="L16" s="1110"/>
      <c r="M16" s="555"/>
    </row>
    <row r="17" spans="1:13" s="243" customFormat="1" ht="11.25" customHeight="1" x14ac:dyDescent="0.2">
      <c r="A17" s="64" t="s">
        <v>840</v>
      </c>
      <c r="B17" s="1095"/>
      <c r="C17" s="1096"/>
      <c r="D17" s="1097"/>
      <c r="E17" s="1096"/>
      <c r="F17" s="1096"/>
      <c r="G17" s="1097"/>
      <c r="H17" s="1096"/>
      <c r="I17" s="1096"/>
      <c r="J17" s="1097"/>
      <c r="K17" s="1098"/>
      <c r="L17" s="1099"/>
      <c r="M17" s="555"/>
    </row>
    <row r="18" spans="1:13" s="176" customFormat="1" ht="11.25" customHeight="1" x14ac:dyDescent="0.2">
      <c r="A18" s="556" t="s">
        <v>841</v>
      </c>
      <c r="B18" s="1100"/>
      <c r="C18" s="1101"/>
      <c r="D18" s="1102"/>
      <c r="E18" s="1101"/>
      <c r="F18" s="1101"/>
      <c r="G18" s="1102"/>
      <c r="H18" s="1101"/>
      <c r="I18" s="1101"/>
      <c r="J18" s="1102"/>
      <c r="K18" s="1103"/>
      <c r="L18" s="1104"/>
      <c r="M18" s="557"/>
    </row>
    <row r="19" spans="1:13" s="243" customFormat="1" ht="11.25" customHeight="1" x14ac:dyDescent="0.2">
      <c r="A19" s="64" t="s">
        <v>842</v>
      </c>
      <c r="B19" s="1105"/>
      <c r="C19" s="1106"/>
      <c r="D19" s="1107"/>
      <c r="E19" s="1108"/>
      <c r="F19" s="1106"/>
      <c r="G19" s="1107"/>
      <c r="H19" s="1108"/>
      <c r="I19" s="1106"/>
      <c r="J19" s="1107"/>
      <c r="K19" s="1109"/>
      <c r="L19" s="1110"/>
      <c r="M19" s="555"/>
    </row>
    <row r="20" spans="1:13" s="243" customFormat="1" ht="11.25" customHeight="1" x14ac:dyDescent="0.2">
      <c r="A20" s="64" t="s">
        <v>843</v>
      </c>
      <c r="B20" s="1105"/>
      <c r="C20" s="1106"/>
      <c r="D20" s="1107"/>
      <c r="E20" s="1108"/>
      <c r="F20" s="1106"/>
      <c r="G20" s="1107"/>
      <c r="H20" s="1108"/>
      <c r="I20" s="1106"/>
      <c r="J20" s="1107"/>
      <c r="K20" s="1109"/>
      <c r="L20" s="1110"/>
      <c r="M20" s="555"/>
    </row>
    <row r="21" spans="1:13" s="243" customFormat="1" ht="11.25" customHeight="1" x14ac:dyDescent="0.2">
      <c r="A21" s="64" t="s">
        <v>844</v>
      </c>
      <c r="B21" s="1095"/>
      <c r="C21" s="1096"/>
      <c r="D21" s="1097"/>
      <c r="E21" s="1096"/>
      <c r="F21" s="1096"/>
      <c r="G21" s="1097"/>
      <c r="H21" s="1096"/>
      <c r="I21" s="1096"/>
      <c r="J21" s="1097"/>
      <c r="K21" s="1098"/>
      <c r="L21" s="1099"/>
      <c r="M21" s="555"/>
    </row>
    <row r="22" spans="1:13" s="243" customFormat="1" ht="11.25" customHeight="1" x14ac:dyDescent="0.2">
      <c r="A22" s="558" t="s">
        <v>845</v>
      </c>
      <c r="B22" s="1116"/>
      <c r="C22" s="1117"/>
      <c r="D22" s="1118"/>
      <c r="E22" s="1117"/>
      <c r="F22" s="1117"/>
      <c r="G22" s="1118"/>
      <c r="H22" s="1117"/>
      <c r="I22" s="1117"/>
      <c r="J22" s="1118"/>
      <c r="K22" s="1119"/>
      <c r="L22" s="1120"/>
      <c r="M22" s="555"/>
    </row>
    <row r="23" spans="1:13" s="243" customFormat="1" ht="11.25" customHeight="1" x14ac:dyDescent="0.2">
      <c r="A23" s="559" t="s">
        <v>846</v>
      </c>
      <c r="B23" s="1116"/>
      <c r="C23" s="1117"/>
      <c r="D23" s="1118"/>
      <c r="E23" s="1117"/>
      <c r="F23" s="1117"/>
      <c r="G23" s="1118"/>
      <c r="H23" s="1117"/>
      <c r="I23" s="1117"/>
      <c r="J23" s="1118"/>
      <c r="K23" s="1119"/>
      <c r="L23" s="1120"/>
      <c r="M23" s="555"/>
    </row>
    <row r="24" spans="1:13" s="243" customFormat="1" ht="11.25" customHeight="1" x14ac:dyDescent="0.2">
      <c r="A24" s="560" t="s">
        <v>847</v>
      </c>
      <c r="B24" s="1111"/>
      <c r="C24" s="1112"/>
      <c r="D24" s="1113"/>
      <c r="E24" s="1112"/>
      <c r="F24" s="1112"/>
      <c r="G24" s="1113"/>
      <c r="H24" s="1112"/>
      <c r="I24" s="1112"/>
      <c r="J24" s="1113"/>
      <c r="K24" s="1114"/>
      <c r="L24" s="1115"/>
      <c r="M24" s="555"/>
    </row>
    <row r="25" spans="1:13" s="243" customFormat="1" ht="11.25" customHeight="1" x14ac:dyDescent="0.2">
      <c r="A25" s="64" t="s">
        <v>848</v>
      </c>
      <c r="B25" s="1105"/>
      <c r="C25" s="1106"/>
      <c r="D25" s="1107"/>
      <c r="E25" s="1108"/>
      <c r="F25" s="1106"/>
      <c r="G25" s="1107"/>
      <c r="H25" s="1108"/>
      <c r="I25" s="1106"/>
      <c r="J25" s="1107"/>
      <c r="K25" s="1109"/>
      <c r="L25" s="1110"/>
      <c r="M25" s="555"/>
    </row>
    <row r="26" spans="1:13" s="243" customFormat="1" ht="11.25" customHeight="1" x14ac:dyDescent="0.2">
      <c r="A26" s="64" t="s">
        <v>849</v>
      </c>
      <c r="B26" s="1105"/>
      <c r="C26" s="1106"/>
      <c r="D26" s="1107"/>
      <c r="E26" s="1108"/>
      <c r="F26" s="1106"/>
      <c r="G26" s="1107"/>
      <c r="H26" s="1108"/>
      <c r="I26" s="1106"/>
      <c r="J26" s="1107"/>
      <c r="K26" s="1109"/>
      <c r="L26" s="1110"/>
      <c r="M26" s="555"/>
    </row>
    <row r="27" spans="1:13" s="243" customFormat="1" ht="11.25" customHeight="1" x14ac:dyDescent="0.2">
      <c r="A27" s="561" t="s">
        <v>850</v>
      </c>
      <c r="B27" s="1095"/>
      <c r="C27" s="1096"/>
      <c r="D27" s="1097"/>
      <c r="E27" s="1096"/>
      <c r="F27" s="1096"/>
      <c r="G27" s="1097"/>
      <c r="H27" s="1096"/>
      <c r="I27" s="1096"/>
      <c r="J27" s="1097"/>
      <c r="K27" s="1098"/>
      <c r="L27" s="1099"/>
      <c r="M27" s="555"/>
    </row>
    <row r="28" spans="1:13" s="176" customFormat="1" ht="11.25" customHeight="1" x14ac:dyDescent="0.2">
      <c r="A28" s="560" t="s">
        <v>851</v>
      </c>
      <c r="B28" s="1100"/>
      <c r="C28" s="1101"/>
      <c r="D28" s="1102"/>
      <c r="E28" s="1101"/>
      <c r="F28" s="1101"/>
      <c r="G28" s="1102"/>
      <c r="H28" s="1101"/>
      <c r="I28" s="1101"/>
      <c r="J28" s="1102"/>
      <c r="K28" s="1103"/>
      <c r="L28" s="1104"/>
      <c r="M28" s="557"/>
    </row>
    <row r="29" spans="1:13" s="243" customFormat="1" ht="11.25" customHeight="1" x14ac:dyDescent="0.2">
      <c r="A29" s="64" t="s">
        <v>852</v>
      </c>
      <c r="B29" s="1105"/>
      <c r="C29" s="1106"/>
      <c r="D29" s="1107"/>
      <c r="E29" s="1108"/>
      <c r="F29" s="1106"/>
      <c r="G29" s="1107"/>
      <c r="H29" s="1108"/>
      <c r="I29" s="1106"/>
      <c r="J29" s="1107"/>
      <c r="K29" s="1109"/>
      <c r="L29" s="1110"/>
      <c r="M29" s="555"/>
    </row>
    <row r="30" spans="1:13" s="243" customFormat="1" ht="11.25" customHeight="1" x14ac:dyDescent="0.2">
      <c r="A30" s="561" t="s">
        <v>853</v>
      </c>
      <c r="B30" s="1095"/>
      <c r="C30" s="1096"/>
      <c r="D30" s="1097"/>
      <c r="E30" s="1096"/>
      <c r="F30" s="1096"/>
      <c r="G30" s="1097"/>
      <c r="H30" s="1096"/>
      <c r="I30" s="1096"/>
      <c r="J30" s="1097"/>
      <c r="K30" s="1098"/>
      <c r="L30" s="1099"/>
      <c r="M30" s="555"/>
    </row>
    <row r="31" spans="1:13" ht="11.25" customHeight="1" x14ac:dyDescent="0.2">
      <c r="A31" s="562"/>
      <c r="B31" s="562"/>
      <c r="C31" s="562"/>
      <c r="D31" s="562"/>
      <c r="E31" s="554"/>
      <c r="F31" s="554"/>
      <c r="G31" s="554"/>
      <c r="H31" s="554"/>
      <c r="I31" s="554"/>
      <c r="J31" s="554"/>
      <c r="K31" s="563"/>
      <c r="L31" s="563"/>
      <c r="M31" s="555"/>
    </row>
    <row r="32" spans="1:13" ht="15" customHeight="1" x14ac:dyDescent="0.2">
      <c r="A32" s="549"/>
      <c r="B32" s="551" t="s">
        <v>854</v>
      </c>
      <c r="C32" s="551" t="s">
        <v>855</v>
      </c>
      <c r="D32" s="877">
        <v>2016</v>
      </c>
      <c r="E32" s="877">
        <v>2017</v>
      </c>
      <c r="F32" s="877">
        <v>2018</v>
      </c>
      <c r="G32" s="877">
        <v>2019</v>
      </c>
      <c r="H32" s="877">
        <v>2020</v>
      </c>
      <c r="I32" s="877">
        <v>2021</v>
      </c>
      <c r="J32" s="877">
        <v>2022</v>
      </c>
      <c r="K32" s="877">
        <v>2023</v>
      </c>
      <c r="L32" s="871">
        <v>2024</v>
      </c>
      <c r="M32" s="564"/>
    </row>
    <row r="33" spans="1:13" ht="11.25" customHeight="1" x14ac:dyDescent="0.2">
      <c r="A33" s="552" t="s">
        <v>856</v>
      </c>
      <c r="B33" s="547" t="s">
        <v>857</v>
      </c>
      <c r="C33" s="547" t="s">
        <v>858</v>
      </c>
      <c r="D33" s="926"/>
      <c r="E33" s="926"/>
      <c r="F33" s="1090"/>
      <c r="G33" s="1090"/>
      <c r="H33" s="1090"/>
      <c r="I33" s="1090"/>
      <c r="J33" s="1090"/>
      <c r="K33" s="1090"/>
      <c r="L33" s="1092"/>
      <c r="M33" s="564"/>
    </row>
    <row r="34" spans="1:13" ht="15" customHeight="1" x14ac:dyDescent="0.2">
      <c r="A34" s="550"/>
      <c r="B34" s="548"/>
      <c r="C34" s="548">
        <v>2015</v>
      </c>
      <c r="D34" s="878"/>
      <c r="E34" s="878"/>
      <c r="F34" s="1091"/>
      <c r="G34" s="1091"/>
      <c r="H34" s="1091"/>
      <c r="I34" s="1091"/>
      <c r="J34" s="1091"/>
      <c r="K34" s="1091"/>
      <c r="L34" s="1093"/>
      <c r="M34" s="564"/>
    </row>
    <row r="35" spans="1:13" ht="11.25" customHeight="1" x14ac:dyDescent="0.2">
      <c r="A35" s="305" t="s">
        <v>859</v>
      </c>
      <c r="B35" s="565"/>
      <c r="C35" s="565"/>
      <c r="D35" s="565"/>
      <c r="E35" s="565"/>
      <c r="F35" s="565"/>
      <c r="G35" s="565"/>
      <c r="H35" s="565"/>
      <c r="I35" s="565"/>
      <c r="J35" s="565"/>
      <c r="K35" s="566"/>
      <c r="L35" s="574"/>
      <c r="M35" s="567"/>
    </row>
    <row r="36" spans="1:13" ht="11.25" customHeight="1" x14ac:dyDescent="0.2">
      <c r="A36" s="64"/>
      <c r="B36" s="565"/>
      <c r="C36" s="565"/>
      <c r="D36" s="565"/>
      <c r="E36" s="565"/>
      <c r="F36" s="565"/>
      <c r="G36" s="565"/>
      <c r="H36" s="565"/>
      <c r="I36" s="565"/>
      <c r="J36" s="565"/>
      <c r="K36" s="566"/>
      <c r="L36" s="574"/>
      <c r="M36" s="567"/>
    </row>
    <row r="37" spans="1:13" ht="11.25" customHeight="1" x14ac:dyDescent="0.2">
      <c r="A37" s="305" t="s">
        <v>860</v>
      </c>
      <c r="B37" s="565"/>
      <c r="C37" s="565"/>
      <c r="D37" s="565"/>
      <c r="E37" s="565"/>
      <c r="F37" s="565"/>
      <c r="G37" s="565"/>
      <c r="H37" s="565"/>
      <c r="I37" s="565"/>
      <c r="J37" s="565"/>
      <c r="K37" s="566"/>
      <c r="L37" s="574"/>
      <c r="M37" s="567"/>
    </row>
    <row r="38" spans="1:13" ht="11.25" customHeight="1" x14ac:dyDescent="0.2">
      <c r="A38" s="64"/>
      <c r="B38" s="565"/>
      <c r="C38" s="565"/>
      <c r="D38" s="565"/>
      <c r="E38" s="565"/>
      <c r="F38" s="565"/>
      <c r="G38" s="565"/>
      <c r="H38" s="565"/>
      <c r="I38" s="565"/>
      <c r="J38" s="565"/>
      <c r="K38" s="566"/>
      <c r="L38" s="574"/>
      <c r="M38" s="567"/>
    </row>
    <row r="39" spans="1:13" ht="11.25" customHeight="1" x14ac:dyDescent="0.2">
      <c r="A39" s="558" t="s">
        <v>861</v>
      </c>
      <c r="B39" s="568"/>
      <c r="C39" s="568"/>
      <c r="D39" s="568"/>
      <c r="E39" s="568"/>
      <c r="F39" s="568"/>
      <c r="G39" s="568"/>
      <c r="H39" s="568"/>
      <c r="I39" s="568"/>
      <c r="J39" s="568"/>
      <c r="K39" s="573"/>
      <c r="L39" s="575"/>
      <c r="M39" s="567"/>
    </row>
    <row r="40" spans="1:13" ht="15.75" customHeight="1" x14ac:dyDescent="0.2">
      <c r="A40" s="559" t="s">
        <v>862</v>
      </c>
      <c r="B40" s="568"/>
      <c r="C40" s="576">
        <v>8126448704.0600014</v>
      </c>
      <c r="D40" s="568"/>
      <c r="E40" s="568"/>
      <c r="F40" s="568"/>
      <c r="G40" s="568"/>
      <c r="H40" s="568"/>
      <c r="I40" s="568"/>
      <c r="J40" s="568"/>
      <c r="K40" s="569"/>
      <c r="L40" s="575"/>
      <c r="M40" s="567"/>
    </row>
    <row r="41" spans="1:13" ht="11.25" customHeight="1" x14ac:dyDescent="0.2">
      <c r="A41" s="559" t="s">
        <v>863</v>
      </c>
      <c r="B41" s="568"/>
      <c r="C41" s="568"/>
      <c r="D41" s="568"/>
      <c r="E41" s="568"/>
      <c r="F41" s="568"/>
      <c r="G41" s="568"/>
      <c r="H41" s="568"/>
      <c r="I41" s="568"/>
      <c r="J41" s="568"/>
      <c r="K41" s="569"/>
      <c r="L41" s="575"/>
      <c r="M41" s="567"/>
    </row>
    <row r="42" spans="1:13" ht="11.25" customHeight="1" x14ac:dyDescent="0.2">
      <c r="A42" s="570" t="s">
        <v>864</v>
      </c>
      <c r="B42" s="571"/>
      <c r="C42" s="571"/>
      <c r="D42" s="571"/>
      <c r="E42" s="571"/>
      <c r="F42" s="571"/>
      <c r="G42" s="571"/>
      <c r="H42" s="571"/>
      <c r="I42" s="571"/>
      <c r="J42" s="571"/>
      <c r="K42" s="571"/>
      <c r="L42" s="571"/>
      <c r="M42" s="572"/>
    </row>
    <row r="43" spans="1:13" ht="10.5" x14ac:dyDescent="0.2">
      <c r="A43" s="116" t="s">
        <v>877</v>
      </c>
      <c r="B43" s="19"/>
      <c r="C43" s="19"/>
      <c r="D43" s="19"/>
      <c r="E43" s="19"/>
      <c r="F43" s="19"/>
      <c r="G43" s="19"/>
      <c r="H43" s="19"/>
      <c r="I43" s="19"/>
      <c r="J43" s="1089"/>
      <c r="K43" s="1089"/>
      <c r="L43" s="1089"/>
      <c r="M43" s="66"/>
    </row>
    <row r="44" spans="1:13" ht="11.25" customHeight="1" x14ac:dyDescent="0.2">
      <c r="A44" s="243"/>
    </row>
  </sheetData>
  <customSheetViews>
    <customSheetView guid="{6DBFA32C-4AA4-4E1D-9A48-697377C64CC3}" showPageBreaks="1" showGridLines="0" fitToPage="1" printArea="1">
      <selection activeCell="A3" sqref="A3:L3"/>
      <pageMargins left="0.19685039370078741" right="0.19685039370078741" top="0.59055118110236227" bottom="0.19685039370078741" header="0" footer="0"/>
      <printOptions horizontalCentered="1"/>
      <pageSetup paperSize="9" scale="71" orientation="portrait" r:id="rId1"/>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2"/>
    </customSheetView>
    <customSheetView guid="{82EDB5A4-4824-4632-A540-7A52C92F04C7}" showPageBreaks="1" showGridLines="0" fitToPage="1" printArea="1">
      <selection activeCell="N12" sqref="N12"/>
      <pageMargins left="0.19685039370078741" right="0.19685039370078741" top="0.59055118110236227" bottom="0.19685039370078741" header="0" footer="0"/>
      <printOptions horizontalCentered="1"/>
      <pageSetup paperSize="9" scale="71" orientation="portrait" r:id="rId3"/>
    </customSheetView>
    <customSheetView guid="{3AAF6A5F-F9AA-430B-9AD9-1261ECDF41B5}" showPageBreaks="1" showGridLines="0" fitToPage="1" printArea="1">
      <selection activeCell="A3" sqref="A3:L3"/>
      <pageMargins left="0.19685039370078741" right="0.19685039370078741" top="0.59055118110236227" bottom="0.19685039370078741" header="0" footer="0"/>
      <printOptions horizontalCentered="1"/>
      <pageSetup paperSize="9" scale="70" orientation="portrait" r:id="rId4"/>
    </customSheetView>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70" orientation="portrait" r:id="rId5"/>
    </customSheetView>
    <customSheetView guid="{25EF1E0D-169B-4051-B414-7E1196FC05E4}" showPageBreaks="1" showGridLines="0" fitToPage="1" printArea="1">
      <selection activeCell="A3" sqref="A3:L3"/>
      <pageMargins left="0.19685039370078741" right="0.19685039370078741" top="0.59055118110236227" bottom="0.19685039370078741" header="0" footer="0"/>
      <printOptions horizontalCentered="1"/>
      <pageSetup paperSize="9" scale="70" orientation="portrait" r:id="rId6"/>
    </customSheetView>
  </customSheetViews>
  <mergeCells count="97">
    <mergeCell ref="A8:L8"/>
    <mergeCell ref="A3:L3"/>
    <mergeCell ref="A4:L4"/>
    <mergeCell ref="A5:L5"/>
    <mergeCell ref="A6:L6"/>
    <mergeCell ref="A7:L7"/>
    <mergeCell ref="B12:D12"/>
    <mergeCell ref="B13:D13"/>
    <mergeCell ref="H13:J13"/>
    <mergeCell ref="K9:L9"/>
    <mergeCell ref="B10:D10"/>
    <mergeCell ref="E10:J10"/>
    <mergeCell ref="K10:L11"/>
    <mergeCell ref="B11:D11"/>
    <mergeCell ref="A9:D9"/>
    <mergeCell ref="B14:D14"/>
    <mergeCell ref="E14:G14"/>
    <mergeCell ref="H14:J14"/>
    <mergeCell ref="K14:L14"/>
    <mergeCell ref="B15:D15"/>
    <mergeCell ref="E15:G15"/>
    <mergeCell ref="H15:J15"/>
    <mergeCell ref="K15:L15"/>
    <mergeCell ref="B16:D16"/>
    <mergeCell ref="E16:G16"/>
    <mergeCell ref="H16:J16"/>
    <mergeCell ref="K16:L16"/>
    <mergeCell ref="B17:D17"/>
    <mergeCell ref="E17:G17"/>
    <mergeCell ref="H17:J17"/>
    <mergeCell ref="K17:L17"/>
    <mergeCell ref="B18:D18"/>
    <mergeCell ref="E18:G18"/>
    <mergeCell ref="H18:J18"/>
    <mergeCell ref="K18:L18"/>
    <mergeCell ref="B19:D19"/>
    <mergeCell ref="E19:G19"/>
    <mergeCell ref="H19:J19"/>
    <mergeCell ref="K19:L19"/>
    <mergeCell ref="B20:D20"/>
    <mergeCell ref="E20:G20"/>
    <mergeCell ref="H20:J20"/>
    <mergeCell ref="K20:L20"/>
    <mergeCell ref="B21:D21"/>
    <mergeCell ref="E21:G21"/>
    <mergeCell ref="H21:J21"/>
    <mergeCell ref="K21:L21"/>
    <mergeCell ref="B22:D22"/>
    <mergeCell ref="E22:G22"/>
    <mergeCell ref="H22:J22"/>
    <mergeCell ref="K22:L22"/>
    <mergeCell ref="B23:D23"/>
    <mergeCell ref="E23:G23"/>
    <mergeCell ref="H23:J23"/>
    <mergeCell ref="K23:L23"/>
    <mergeCell ref="B24:D24"/>
    <mergeCell ref="E24:G24"/>
    <mergeCell ref="H24:J24"/>
    <mergeCell ref="K24:L24"/>
    <mergeCell ref="B25:D25"/>
    <mergeCell ref="E25:G25"/>
    <mergeCell ref="H25:J25"/>
    <mergeCell ref="K25:L25"/>
    <mergeCell ref="B26:D26"/>
    <mergeCell ref="E26:G26"/>
    <mergeCell ref="H26:J26"/>
    <mergeCell ref="K26:L26"/>
    <mergeCell ref="B27:D27"/>
    <mergeCell ref="E27:G27"/>
    <mergeCell ref="H27:J27"/>
    <mergeCell ref="K27:L27"/>
    <mergeCell ref="H30:J30"/>
    <mergeCell ref="K30:L30"/>
    <mergeCell ref="B28:D28"/>
    <mergeCell ref="E28:G28"/>
    <mergeCell ref="H28:J28"/>
    <mergeCell ref="K28:L28"/>
    <mergeCell ref="B29:D29"/>
    <mergeCell ref="E29:G29"/>
    <mergeCell ref="H29:J29"/>
    <mergeCell ref="K29:L29"/>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s>
  <printOptions horizontalCentered="1"/>
  <pageMargins left="0.19685039370078741" right="0.19685039370078741" top="0.59055118110236227" bottom="0.19685039370078741" header="0" footer="0"/>
  <pageSetup paperSize="9" scale="70" orientation="portrait" r:id="rId7"/>
  <drawing r:id="rId8"/>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tabColor rgb="FF92D050"/>
    <pageSetUpPr fitToPage="1"/>
  </sheetPr>
  <dimension ref="A1:U113"/>
  <sheetViews>
    <sheetView showGridLines="0" zoomScaleNormal="100" workbookViewId="0"/>
  </sheetViews>
  <sheetFormatPr defaultColWidth="1" defaultRowHeight="11.25" customHeight="1" x14ac:dyDescent="0.2"/>
  <cols>
    <col min="1" max="1" width="92.5703125" style="1" customWidth="1"/>
    <col min="2" max="2" width="29" style="1" bestFit="1" customWidth="1"/>
    <col min="3" max="3" width="19.140625" style="77" customWidth="1"/>
    <col min="4" max="6" width="17.28515625" style="1" bestFit="1" customWidth="1"/>
    <col min="7" max="59" width="15.7109375" style="1" customWidth="1"/>
    <col min="60" max="16384" width="1" style="1"/>
  </cols>
  <sheetData>
    <row r="1" spans="1:13" s="30" customFormat="1" ht="10.5" x14ac:dyDescent="0.2">
      <c r="A1" s="334"/>
      <c r="B1" s="334"/>
      <c r="C1" s="334"/>
      <c r="D1" s="334"/>
      <c r="E1" s="334"/>
    </row>
    <row r="2" spans="1:13" s="30" customFormat="1" ht="11.25" customHeight="1" x14ac:dyDescent="0.2">
      <c r="A2" s="149"/>
    </row>
    <row r="3" spans="1:13" s="53" customFormat="1" ht="11.25" customHeight="1" x14ac:dyDescent="0.2">
      <c r="A3" s="1054" t="s">
        <v>643</v>
      </c>
      <c r="B3" s="1054"/>
      <c r="C3" s="1054"/>
      <c r="D3" s="1054"/>
      <c r="E3" s="1054"/>
      <c r="F3" s="320"/>
      <c r="G3" s="320"/>
      <c r="H3" s="320"/>
      <c r="I3" s="320"/>
      <c r="J3" s="320"/>
      <c r="K3" s="320"/>
      <c r="L3" s="320"/>
      <c r="M3" s="320"/>
    </row>
    <row r="4" spans="1:13" s="53" customFormat="1" ht="11.25" customHeight="1" x14ac:dyDescent="0.2">
      <c r="A4" s="757" t="s">
        <v>251</v>
      </c>
      <c r="B4" s="757"/>
      <c r="C4" s="757"/>
      <c r="D4" s="757"/>
      <c r="E4" s="757"/>
    </row>
    <row r="5" spans="1:13" s="53" customFormat="1" ht="11.25" customHeight="1" x14ac:dyDescent="0.2">
      <c r="A5" s="1054" t="s">
        <v>106</v>
      </c>
      <c r="B5" s="1054"/>
      <c r="C5" s="1054"/>
      <c r="D5" s="1054"/>
      <c r="E5" s="1054"/>
    </row>
    <row r="6" spans="1:13" s="53" customFormat="1" ht="11.25" customHeight="1" x14ac:dyDescent="0.2">
      <c r="A6" s="1054" t="s">
        <v>107</v>
      </c>
      <c r="B6" s="1054"/>
      <c r="C6" s="1054"/>
      <c r="D6" s="1054"/>
      <c r="E6" s="1054"/>
    </row>
    <row r="7" spans="1:13" s="53" customFormat="1" ht="11.25" customHeight="1" x14ac:dyDescent="0.2">
      <c r="A7" s="1054" t="s">
        <v>869</v>
      </c>
      <c r="B7" s="1054"/>
      <c r="C7" s="1054"/>
      <c r="D7" s="1054"/>
      <c r="E7" s="1054"/>
    </row>
    <row r="8" spans="1:13" s="53" customFormat="1" ht="11.25" customHeight="1" x14ac:dyDescent="0.2">
      <c r="A8" s="286"/>
      <c r="B8" s="286"/>
      <c r="C8" s="286"/>
      <c r="D8" s="286"/>
      <c r="E8" s="286"/>
    </row>
    <row r="9" spans="1:13" s="30" customFormat="1" ht="11.25" customHeight="1" x14ac:dyDescent="0.2">
      <c r="A9" s="30" t="s">
        <v>827</v>
      </c>
      <c r="B9" s="151"/>
      <c r="E9" s="256">
        <v>1</v>
      </c>
    </row>
    <row r="10" spans="1:13" s="30" customFormat="1" ht="21" customHeight="1" x14ac:dyDescent="0.2">
      <c r="A10" s="152" t="s">
        <v>106</v>
      </c>
      <c r="B10" s="1143" t="s">
        <v>115</v>
      </c>
      <c r="C10" s="1144"/>
      <c r="D10" s="1144"/>
      <c r="E10" s="1144"/>
    </row>
    <row r="11" spans="1:13" s="76" customFormat="1" ht="11.25" customHeight="1" x14ac:dyDescent="0.2">
      <c r="A11" s="182" t="s">
        <v>110</v>
      </c>
      <c r="B11" s="738"/>
      <c r="C11" s="739"/>
      <c r="D11" s="739"/>
      <c r="E11" s="739"/>
    </row>
    <row r="12" spans="1:13" ht="11.25" customHeight="1" x14ac:dyDescent="0.2">
      <c r="A12" s="25" t="s">
        <v>315</v>
      </c>
      <c r="B12" s="728">
        <v>13057110000</v>
      </c>
      <c r="C12" s="729"/>
      <c r="D12" s="729"/>
      <c r="E12" s="729"/>
    </row>
    <row r="13" spans="1:13" ht="11.25" customHeight="1" x14ac:dyDescent="0.2">
      <c r="A13" s="25" t="s">
        <v>316</v>
      </c>
      <c r="B13" s="728">
        <v>13112402242.73</v>
      </c>
      <c r="C13" s="729"/>
      <c r="D13" s="729"/>
      <c r="E13" s="729"/>
    </row>
    <row r="14" spans="1:13" ht="11.25" customHeight="1" x14ac:dyDescent="0.2">
      <c r="A14" s="25" t="s">
        <v>61</v>
      </c>
      <c r="B14" s="728">
        <v>3881838530.1900001</v>
      </c>
      <c r="C14" s="729"/>
      <c r="D14" s="729"/>
      <c r="E14" s="729"/>
    </row>
    <row r="15" spans="1:13" ht="11.25" customHeight="1" x14ac:dyDescent="0.2">
      <c r="A15" s="25" t="s">
        <v>62</v>
      </c>
      <c r="B15" s="728">
        <v>162150742.15999985</v>
      </c>
      <c r="C15" s="729"/>
      <c r="D15" s="729"/>
      <c r="E15" s="729"/>
    </row>
    <row r="16" spans="1:13" ht="11.25" customHeight="1" x14ac:dyDescent="0.2">
      <c r="A16" s="25" t="s">
        <v>63</v>
      </c>
      <c r="B16" s="728">
        <v>0</v>
      </c>
      <c r="C16" s="729"/>
      <c r="D16" s="729"/>
      <c r="E16" s="729"/>
    </row>
    <row r="17" spans="1:5" s="76" customFormat="1" ht="11.25" customHeight="1" x14ac:dyDescent="0.2">
      <c r="A17" s="182" t="s">
        <v>160</v>
      </c>
      <c r="B17" s="728"/>
      <c r="C17" s="729"/>
      <c r="D17" s="729"/>
      <c r="E17" s="729"/>
    </row>
    <row r="18" spans="1:5" ht="11.25" customHeight="1" x14ac:dyDescent="0.2">
      <c r="A18" s="22" t="s">
        <v>64</v>
      </c>
      <c r="B18" s="728">
        <v>13057110000</v>
      </c>
      <c r="C18" s="729"/>
      <c r="D18" s="729"/>
      <c r="E18" s="729"/>
    </row>
    <row r="19" spans="1:5" ht="11.25" customHeight="1" x14ac:dyDescent="0.2">
      <c r="A19" s="22" t="s">
        <v>69</v>
      </c>
      <c r="B19" s="728">
        <v>154237332</v>
      </c>
      <c r="C19" s="729"/>
      <c r="D19" s="729"/>
      <c r="E19" s="729"/>
    </row>
    <row r="20" spans="1:5" ht="11.25" customHeight="1" x14ac:dyDescent="0.2">
      <c r="A20" s="22" t="s">
        <v>65</v>
      </c>
      <c r="B20" s="728">
        <v>13211347332</v>
      </c>
      <c r="C20" s="729"/>
      <c r="D20" s="729"/>
      <c r="E20" s="729"/>
    </row>
    <row r="21" spans="1:5" ht="11.25" customHeight="1" x14ac:dyDescent="0.2">
      <c r="A21" s="22" t="s">
        <v>66</v>
      </c>
      <c r="B21" s="728">
        <v>5158614565.0999994</v>
      </c>
      <c r="C21" s="729"/>
      <c r="D21" s="729"/>
      <c r="E21" s="729"/>
    </row>
    <row r="22" spans="1:5" ht="11.25" customHeight="1" x14ac:dyDescent="0.2">
      <c r="A22" s="25" t="s">
        <v>67</v>
      </c>
      <c r="B22" s="728">
        <v>4043989272.3499999</v>
      </c>
      <c r="C22" s="729"/>
      <c r="D22" s="729"/>
      <c r="E22" s="729"/>
    </row>
    <row r="23" spans="1:5" ht="11.25" customHeight="1" x14ac:dyDescent="0.2">
      <c r="A23" s="22" t="s">
        <v>554</v>
      </c>
      <c r="B23" s="728">
        <v>3599911615.4399996</v>
      </c>
      <c r="C23" s="729"/>
      <c r="D23" s="729"/>
      <c r="E23" s="729"/>
    </row>
    <row r="24" spans="1:5" ht="11.25" customHeight="1" x14ac:dyDescent="0.2">
      <c r="A24" s="78" t="s">
        <v>68</v>
      </c>
      <c r="B24" s="728">
        <v>0</v>
      </c>
      <c r="C24" s="729"/>
      <c r="D24" s="729"/>
      <c r="E24" s="729"/>
    </row>
    <row r="25" spans="1:5" ht="21" customHeight="1" x14ac:dyDescent="0.2">
      <c r="A25" s="43" t="s">
        <v>254</v>
      </c>
      <c r="B25" s="766" t="s">
        <v>115</v>
      </c>
      <c r="C25" s="767"/>
      <c r="D25" s="767"/>
      <c r="E25" s="767"/>
    </row>
    <row r="26" spans="1:5" ht="11.25" customHeight="1" x14ac:dyDescent="0.2">
      <c r="A26" s="22" t="s">
        <v>252</v>
      </c>
      <c r="B26" s="728">
        <v>5158614565.0999994</v>
      </c>
      <c r="C26" s="729"/>
      <c r="D26" s="729"/>
      <c r="E26" s="729"/>
    </row>
    <row r="27" spans="1:5" ht="11.25" customHeight="1" x14ac:dyDescent="0.2">
      <c r="A27" s="79" t="s">
        <v>253</v>
      </c>
      <c r="B27" s="728">
        <v>4043989272.349999</v>
      </c>
      <c r="C27" s="729"/>
      <c r="D27" s="729"/>
      <c r="E27" s="729"/>
    </row>
    <row r="28" spans="1:5" ht="23.25" customHeight="1" x14ac:dyDescent="0.2">
      <c r="A28" s="42" t="s">
        <v>255</v>
      </c>
      <c r="B28" s="767" t="s">
        <v>115</v>
      </c>
      <c r="C28" s="767"/>
      <c r="D28" s="767"/>
      <c r="E28" s="767"/>
    </row>
    <row r="29" spans="1:5" ht="11.25" customHeight="1" x14ac:dyDescent="0.2">
      <c r="A29" s="331" t="s">
        <v>256</v>
      </c>
      <c r="B29" s="751">
        <v>8126448704.0600014</v>
      </c>
      <c r="C29" s="752"/>
      <c r="D29" s="752"/>
      <c r="E29" s="752"/>
    </row>
    <row r="30" spans="1:5" ht="11.25" customHeight="1" x14ac:dyDescent="0.2">
      <c r="A30" s="22"/>
      <c r="B30" s="80"/>
      <c r="C30" s="81"/>
      <c r="D30" s="32"/>
    </row>
    <row r="31" spans="1:5" ht="21.75" customHeight="1" x14ac:dyDescent="0.2">
      <c r="A31" s="43" t="s">
        <v>70</v>
      </c>
      <c r="B31" s="766" t="s">
        <v>115</v>
      </c>
      <c r="C31" s="767"/>
      <c r="D31" s="767"/>
      <c r="E31" s="767"/>
    </row>
    <row r="32" spans="1:5" s="257" customFormat="1" ht="11.25" customHeight="1" x14ac:dyDescent="0.2">
      <c r="A32" s="176" t="s">
        <v>257</v>
      </c>
      <c r="B32" s="1145"/>
      <c r="C32" s="1133"/>
      <c r="D32" s="1133"/>
      <c r="E32" s="1133"/>
    </row>
    <row r="33" spans="1:5" ht="11.25" customHeight="1" x14ac:dyDescent="0.2">
      <c r="A33" s="22" t="s">
        <v>71</v>
      </c>
      <c r="B33" s="1128"/>
      <c r="C33" s="1129"/>
      <c r="D33" s="1129"/>
      <c r="E33" s="1129"/>
    </row>
    <row r="34" spans="1:5" ht="11.25" customHeight="1" x14ac:dyDescent="0.2">
      <c r="A34" s="22" t="s">
        <v>72</v>
      </c>
      <c r="B34" s="1128"/>
      <c r="C34" s="1129"/>
      <c r="D34" s="1129"/>
      <c r="E34" s="1129"/>
    </row>
    <row r="35" spans="1:5" ht="11.25" customHeight="1" x14ac:dyDescent="0.2">
      <c r="A35" s="22" t="s">
        <v>103</v>
      </c>
      <c r="B35" s="1128"/>
      <c r="C35" s="1129"/>
      <c r="D35" s="1129"/>
      <c r="E35" s="1129"/>
    </row>
    <row r="36" spans="1:5" ht="11.25" customHeight="1" x14ac:dyDescent="0.2">
      <c r="A36" s="176" t="s">
        <v>317</v>
      </c>
      <c r="B36" s="1128"/>
      <c r="C36" s="1129"/>
      <c r="D36" s="1129"/>
      <c r="E36" s="1129"/>
    </row>
    <row r="37" spans="1:5" s="76" customFormat="1" ht="11.25" customHeight="1" x14ac:dyDescent="0.2">
      <c r="A37" s="243" t="s">
        <v>73</v>
      </c>
      <c r="B37" s="1136">
        <v>186645245.36000001</v>
      </c>
      <c r="C37" s="1129"/>
      <c r="D37" s="1129"/>
      <c r="E37" s="1129"/>
    </row>
    <row r="38" spans="1:5" ht="11.25" customHeight="1" x14ac:dyDescent="0.2">
      <c r="A38" s="22" t="s">
        <v>74</v>
      </c>
      <c r="B38" s="1136">
        <v>542013990.01999998</v>
      </c>
      <c r="C38" s="1129"/>
      <c r="D38" s="1129"/>
      <c r="E38" s="1129"/>
    </row>
    <row r="39" spans="1:5" ht="11.25" customHeight="1" x14ac:dyDescent="0.2">
      <c r="A39" s="78" t="s">
        <v>104</v>
      </c>
      <c r="B39" s="1146">
        <v>-355368744.65999997</v>
      </c>
      <c r="C39" s="1147"/>
      <c r="D39" s="1147"/>
      <c r="E39" s="1147"/>
    </row>
    <row r="40" spans="1:5" ht="11.25" customHeight="1" x14ac:dyDescent="0.2">
      <c r="E40" s="22"/>
    </row>
    <row r="41" spans="1:5" ht="11.25" customHeight="1" x14ac:dyDescent="0.2">
      <c r="A41" s="40"/>
      <c r="B41" s="36" t="s">
        <v>260</v>
      </c>
      <c r="C41" s="36" t="s">
        <v>261</v>
      </c>
      <c r="D41" s="820" t="s">
        <v>262</v>
      </c>
      <c r="E41" s="821"/>
    </row>
    <row r="42" spans="1:5" ht="11.25" customHeight="1" x14ac:dyDescent="0.2">
      <c r="A42" s="48" t="s">
        <v>263</v>
      </c>
      <c r="B42" s="37" t="s">
        <v>264</v>
      </c>
      <c r="C42" s="37" t="s">
        <v>115</v>
      </c>
      <c r="D42" s="849"/>
      <c r="E42" s="851"/>
    </row>
    <row r="43" spans="1:5" ht="11.25" customHeight="1" x14ac:dyDescent="0.2">
      <c r="A43" s="82"/>
      <c r="B43" s="37" t="s">
        <v>265</v>
      </c>
      <c r="C43" s="842" t="s">
        <v>117</v>
      </c>
      <c r="D43" s="849" t="s">
        <v>118</v>
      </c>
      <c r="E43" s="851"/>
    </row>
    <row r="44" spans="1:5" ht="11.25" customHeight="1" x14ac:dyDescent="0.2">
      <c r="A44" s="58"/>
      <c r="B44" s="83" t="s">
        <v>116</v>
      </c>
      <c r="C44" s="824"/>
      <c r="D44" s="850"/>
      <c r="E44" s="882"/>
    </row>
    <row r="45" spans="1:5" ht="11.25" customHeight="1" x14ac:dyDescent="0.2">
      <c r="A45" s="25" t="s">
        <v>266</v>
      </c>
      <c r="B45" s="536">
        <v>-279873000</v>
      </c>
      <c r="C45" s="536">
        <v>-336052515.45999908</v>
      </c>
      <c r="D45" s="1139">
        <v>120.07321730213314</v>
      </c>
      <c r="E45" s="1140"/>
    </row>
    <row r="46" spans="1:5" ht="11.25" customHeight="1" x14ac:dyDescent="0.2">
      <c r="A46" s="79" t="s">
        <v>267</v>
      </c>
      <c r="B46" s="535">
        <v>471749000</v>
      </c>
      <c r="C46" s="537">
        <v>176280518.6699996</v>
      </c>
      <c r="D46" s="1141">
        <v>37.367438758746623</v>
      </c>
      <c r="E46" s="1142"/>
    </row>
    <row r="48" spans="1:5" ht="11.25" customHeight="1" x14ac:dyDescent="0.2">
      <c r="A48" s="822" t="s">
        <v>75</v>
      </c>
      <c r="B48" s="823" t="s">
        <v>268</v>
      </c>
      <c r="C48" s="36" t="s">
        <v>269</v>
      </c>
      <c r="D48" s="38" t="s">
        <v>555</v>
      </c>
      <c r="E48" s="38" t="s">
        <v>270</v>
      </c>
    </row>
    <row r="49" spans="1:6" ht="11.25" customHeight="1" x14ac:dyDescent="0.2">
      <c r="A49" s="826"/>
      <c r="B49" s="824"/>
      <c r="C49" s="83" t="s">
        <v>115</v>
      </c>
      <c r="D49" s="44" t="s">
        <v>115</v>
      </c>
      <c r="E49" s="44" t="s">
        <v>5</v>
      </c>
    </row>
    <row r="50" spans="1:6" s="76" customFormat="1" ht="11.25" customHeight="1" x14ac:dyDescent="0.2">
      <c r="A50" s="161" t="s">
        <v>271</v>
      </c>
      <c r="B50" s="538">
        <v>145403813.37</v>
      </c>
      <c r="C50" s="395">
        <v>0</v>
      </c>
      <c r="D50" s="539">
        <v>70200450.400000006</v>
      </c>
      <c r="E50" s="539">
        <v>75203362.969999999</v>
      </c>
      <c r="F50" s="229"/>
    </row>
    <row r="51" spans="1:6" ht="11.25" customHeight="1" x14ac:dyDescent="0.2">
      <c r="A51" s="25" t="s">
        <v>272</v>
      </c>
      <c r="B51" s="540">
        <v>115280339.71000001</v>
      </c>
      <c r="C51" s="478">
        <v>0</v>
      </c>
      <c r="D51" s="478">
        <v>58442394.840000004</v>
      </c>
      <c r="E51" s="478">
        <v>56837944.870000005</v>
      </c>
    </row>
    <row r="52" spans="1:6" ht="11.25" customHeight="1" x14ac:dyDescent="0.2">
      <c r="A52" s="25" t="s">
        <v>273</v>
      </c>
      <c r="B52" s="540">
        <v>5807246.6800000006</v>
      </c>
      <c r="C52" s="478">
        <v>0</v>
      </c>
      <c r="D52" s="478">
        <v>5807246.6800000006</v>
      </c>
      <c r="E52" s="478">
        <v>0</v>
      </c>
    </row>
    <row r="53" spans="1:6" ht="11.25" customHeight="1" x14ac:dyDescent="0.2">
      <c r="A53" s="25" t="s">
        <v>274</v>
      </c>
      <c r="B53" s="540">
        <v>24195296.159999996</v>
      </c>
      <c r="C53" s="478">
        <v>0</v>
      </c>
      <c r="D53" s="478">
        <v>5836016.1899999995</v>
      </c>
      <c r="E53" s="478">
        <v>18359279.969999999</v>
      </c>
    </row>
    <row r="54" spans="1:6" ht="11.25" customHeight="1" x14ac:dyDescent="0.2">
      <c r="A54" s="25" t="s">
        <v>275</v>
      </c>
      <c r="B54" s="540">
        <v>120930.82</v>
      </c>
      <c r="C54" s="478">
        <v>0</v>
      </c>
      <c r="D54" s="478">
        <v>114792.69</v>
      </c>
      <c r="E54" s="478">
        <v>6138.1300000000047</v>
      </c>
    </row>
    <row r="55" spans="1:6" s="76" customFormat="1" ht="11.25" customHeight="1" x14ac:dyDescent="0.2">
      <c r="A55" s="161" t="s">
        <v>276</v>
      </c>
      <c r="B55" s="538">
        <v>113506559.31999999</v>
      </c>
      <c r="C55" s="538">
        <v>32804842.739999995</v>
      </c>
      <c r="D55" s="538">
        <v>38696959.160000004</v>
      </c>
      <c r="E55" s="395">
        <v>42004757.419999994</v>
      </c>
    </row>
    <row r="56" spans="1:6" ht="11.25" customHeight="1" x14ac:dyDescent="0.2">
      <c r="A56" s="25" t="s">
        <v>272</v>
      </c>
      <c r="B56" s="540">
        <v>99243844.459999993</v>
      </c>
      <c r="C56" s="478">
        <v>32437371.759999994</v>
      </c>
      <c r="D56" s="478">
        <v>29202927.660000004</v>
      </c>
      <c r="E56" s="478">
        <v>37603545.039999999</v>
      </c>
    </row>
    <row r="57" spans="1:6" ht="11.25" customHeight="1" x14ac:dyDescent="0.2">
      <c r="A57" s="25" t="s">
        <v>273</v>
      </c>
      <c r="B57" s="540">
        <v>0</v>
      </c>
      <c r="C57" s="478">
        <v>0</v>
      </c>
      <c r="D57" s="478">
        <v>0</v>
      </c>
      <c r="E57" s="478">
        <v>0</v>
      </c>
    </row>
    <row r="58" spans="1:6" ht="11.25" customHeight="1" x14ac:dyDescent="0.2">
      <c r="A58" s="25" t="s">
        <v>274</v>
      </c>
      <c r="B58" s="540">
        <v>8303103.4199999999</v>
      </c>
      <c r="C58" s="478">
        <v>0</v>
      </c>
      <c r="D58" s="478">
        <v>6331275.5499999998</v>
      </c>
      <c r="E58" s="478">
        <v>1971827.87</v>
      </c>
    </row>
    <row r="59" spans="1:6" ht="11.25" customHeight="1" x14ac:dyDescent="0.2">
      <c r="A59" s="25" t="s">
        <v>275</v>
      </c>
      <c r="B59" s="540">
        <v>5959611.4399999995</v>
      </c>
      <c r="C59" s="478">
        <v>367470.98000000004</v>
      </c>
      <c r="D59" s="541">
        <v>3162755.95</v>
      </c>
      <c r="E59" s="541">
        <v>2429384.5099999988</v>
      </c>
    </row>
    <row r="60" spans="1:6" ht="11.25" customHeight="1" x14ac:dyDescent="0.2">
      <c r="A60" s="287" t="s">
        <v>170</v>
      </c>
      <c r="B60" s="542">
        <v>258910372.69</v>
      </c>
      <c r="C60" s="542">
        <v>32804842.739999995</v>
      </c>
      <c r="D60" s="542">
        <v>108897409.56</v>
      </c>
      <c r="E60" s="481">
        <v>117208120.38999999</v>
      </c>
    </row>
    <row r="61" spans="1:6" ht="11.25" customHeight="1" x14ac:dyDescent="0.2">
      <c r="A61" s="40"/>
      <c r="B61" s="39" t="s">
        <v>277</v>
      </c>
      <c r="C61" s="766" t="s">
        <v>278</v>
      </c>
      <c r="D61" s="767"/>
      <c r="E61" s="767"/>
    </row>
    <row r="62" spans="1:6" ht="11.25" customHeight="1" x14ac:dyDescent="0.2">
      <c r="A62" s="48" t="s">
        <v>76</v>
      </c>
      <c r="B62" s="47" t="s">
        <v>115</v>
      </c>
      <c r="C62" s="38" t="s">
        <v>279</v>
      </c>
      <c r="D62" s="820" t="s">
        <v>294</v>
      </c>
      <c r="E62" s="821"/>
    </row>
    <row r="63" spans="1:6" ht="11.25" customHeight="1" x14ac:dyDescent="0.2">
      <c r="A63" s="46"/>
      <c r="B63" s="46"/>
      <c r="C63" s="83" t="s">
        <v>295</v>
      </c>
      <c r="D63" s="44"/>
      <c r="E63" s="45"/>
    </row>
    <row r="64" spans="1:6" ht="10.5" x14ac:dyDescent="0.2">
      <c r="A64" s="329" t="s">
        <v>814</v>
      </c>
      <c r="B64" s="540">
        <v>923669691.89050007</v>
      </c>
      <c r="C64" s="85">
        <v>0.25</v>
      </c>
      <c r="D64" s="1134">
        <v>37.926125454051032</v>
      </c>
      <c r="E64" s="1135"/>
    </row>
    <row r="65" spans="1:5" ht="10.5" x14ac:dyDescent="0.2">
      <c r="A65" s="329" t="s">
        <v>77</v>
      </c>
      <c r="B65" s="540">
        <v>334649422.13</v>
      </c>
      <c r="C65" s="85">
        <v>0.6</v>
      </c>
      <c r="D65" s="1136">
        <v>112.7329593479496</v>
      </c>
      <c r="E65" s="1129"/>
    </row>
    <row r="66" spans="1:5" ht="15" customHeight="1" x14ac:dyDescent="0.2">
      <c r="A66" s="329" t="s">
        <v>78</v>
      </c>
      <c r="B66" s="259">
        <v>0</v>
      </c>
      <c r="C66" s="85">
        <v>0.6</v>
      </c>
      <c r="D66" s="1137">
        <v>0</v>
      </c>
      <c r="E66" s="1138"/>
    </row>
    <row r="67" spans="1:5" ht="10.5" x14ac:dyDescent="0.2">
      <c r="A67" s="330" t="s">
        <v>79</v>
      </c>
      <c r="B67" s="544">
        <v>0</v>
      </c>
      <c r="C67" s="86">
        <v>0</v>
      </c>
      <c r="D67" s="1137">
        <v>0</v>
      </c>
      <c r="E67" s="1138"/>
    </row>
    <row r="68" spans="1:5" ht="21.75" customHeight="1" x14ac:dyDescent="0.2">
      <c r="A68" s="40" t="s">
        <v>296</v>
      </c>
      <c r="B68" s="766" t="s">
        <v>297</v>
      </c>
      <c r="C68" s="768"/>
      <c r="D68" s="766" t="s">
        <v>349</v>
      </c>
      <c r="E68" s="767"/>
    </row>
    <row r="69" spans="1:5" ht="11.25" customHeight="1" x14ac:dyDescent="0.2">
      <c r="A69" s="23" t="s">
        <v>299</v>
      </c>
      <c r="B69" s="1128"/>
      <c r="C69" s="1129"/>
      <c r="D69" s="1128"/>
      <c r="E69" s="1129"/>
    </row>
    <row r="70" spans="1:5" ht="11.25" customHeight="1" x14ac:dyDescent="0.2">
      <c r="A70" s="79" t="s">
        <v>300</v>
      </c>
      <c r="B70" s="1128"/>
      <c r="C70" s="1129"/>
      <c r="D70" s="1128"/>
      <c r="E70" s="1129"/>
    </row>
    <row r="71" spans="1:5" ht="21.75" customHeight="1" x14ac:dyDescent="0.2">
      <c r="A71" s="43" t="s">
        <v>301</v>
      </c>
      <c r="B71" s="2" t="s">
        <v>302</v>
      </c>
      <c r="C71" s="3" t="s">
        <v>303</v>
      </c>
      <c r="D71" s="2" t="s">
        <v>304</v>
      </c>
      <c r="E71" s="41" t="s">
        <v>305</v>
      </c>
    </row>
    <row r="72" spans="1:5" s="76" customFormat="1" ht="11.25" customHeight="1" x14ac:dyDescent="0.2">
      <c r="A72" s="161" t="s">
        <v>257</v>
      </c>
      <c r="B72" s="147"/>
      <c r="C72" s="183"/>
      <c r="D72" s="147"/>
      <c r="E72" s="87"/>
    </row>
    <row r="73" spans="1:5" ht="11.25" customHeight="1" x14ac:dyDescent="0.2">
      <c r="A73" s="25" t="s">
        <v>258</v>
      </c>
      <c r="B73" s="28"/>
      <c r="C73" s="59"/>
      <c r="D73" s="28"/>
      <c r="E73" s="24"/>
    </row>
    <row r="74" spans="1:5" ht="11.25" customHeight="1" x14ac:dyDescent="0.2">
      <c r="A74" s="25" t="s">
        <v>259</v>
      </c>
      <c r="B74" s="28"/>
      <c r="C74" s="59"/>
      <c r="D74" s="28"/>
      <c r="E74" s="24"/>
    </row>
    <row r="75" spans="1:5" ht="11.25" customHeight="1" x14ac:dyDescent="0.2">
      <c r="A75" s="25" t="s">
        <v>103</v>
      </c>
      <c r="B75" s="28"/>
      <c r="C75" s="59"/>
      <c r="D75" s="28"/>
      <c r="E75" s="24"/>
    </row>
    <row r="76" spans="1:5" s="76" customFormat="1" ht="11.25" customHeight="1" x14ac:dyDescent="0.2">
      <c r="A76" s="161" t="s">
        <v>317</v>
      </c>
      <c r="B76" s="164"/>
      <c r="C76" s="180"/>
      <c r="D76" s="164"/>
      <c r="E76" s="165"/>
    </row>
    <row r="77" spans="1:5" ht="11.25" customHeight="1" x14ac:dyDescent="0.2">
      <c r="A77" s="25" t="s">
        <v>6</v>
      </c>
      <c r="B77" s="28"/>
      <c r="C77" s="59"/>
      <c r="D77" s="28"/>
      <c r="E77" s="24"/>
    </row>
    <row r="78" spans="1:5" ht="11.25" customHeight="1" x14ac:dyDescent="0.2">
      <c r="A78" s="25" t="s">
        <v>7</v>
      </c>
      <c r="B78" s="28"/>
      <c r="C78" s="59"/>
      <c r="D78" s="28"/>
      <c r="E78" s="24"/>
    </row>
    <row r="79" spans="1:5" ht="11.25" customHeight="1" x14ac:dyDescent="0.2">
      <c r="A79" s="25" t="s">
        <v>104</v>
      </c>
      <c r="B79" s="28"/>
      <c r="C79" s="59"/>
      <c r="D79" s="28"/>
      <c r="E79" s="24"/>
    </row>
    <row r="80" spans="1:5" ht="21" customHeight="1" x14ac:dyDescent="0.2">
      <c r="A80" s="43" t="s">
        <v>306</v>
      </c>
      <c r="B80" s="766" t="s">
        <v>297</v>
      </c>
      <c r="C80" s="768"/>
      <c r="D80" s="766" t="s">
        <v>298</v>
      </c>
      <c r="E80" s="767"/>
    </row>
    <row r="81" spans="1:21" ht="11.25" customHeight="1" x14ac:dyDescent="0.2">
      <c r="A81" s="25" t="s">
        <v>307</v>
      </c>
      <c r="B81" s="1128"/>
      <c r="C81" s="1129"/>
      <c r="D81" s="1128"/>
      <c r="E81" s="1129"/>
    </row>
    <row r="82" spans="1:21" ht="11.25" customHeight="1" x14ac:dyDescent="0.2">
      <c r="A82" s="79" t="s">
        <v>308</v>
      </c>
      <c r="B82" s="1130"/>
      <c r="C82" s="1131"/>
      <c r="D82" s="1130"/>
      <c r="E82" s="1131"/>
    </row>
    <row r="83" spans="1:21" ht="11.25" customHeight="1" x14ac:dyDescent="0.2">
      <c r="A83" s="78"/>
      <c r="B83" s="78"/>
    </row>
    <row r="84" spans="1:21" ht="15" customHeight="1" x14ac:dyDescent="0.2">
      <c r="A84" s="40"/>
      <c r="B84" s="877" t="s">
        <v>813</v>
      </c>
      <c r="C84" s="766" t="s">
        <v>309</v>
      </c>
      <c r="D84" s="767"/>
      <c r="E84" s="767"/>
    </row>
    <row r="85" spans="1:21" ht="13.5" customHeight="1" x14ac:dyDescent="0.2">
      <c r="A85" s="48" t="s">
        <v>243</v>
      </c>
      <c r="B85" s="926"/>
      <c r="C85" s="38" t="s">
        <v>279</v>
      </c>
      <c r="D85" s="820" t="s">
        <v>294</v>
      </c>
      <c r="E85" s="821"/>
    </row>
    <row r="86" spans="1:21" ht="12.75" customHeight="1" x14ac:dyDescent="0.2">
      <c r="A86" s="46"/>
      <c r="B86" s="878"/>
      <c r="C86" s="83" t="s">
        <v>295</v>
      </c>
      <c r="D86" s="850"/>
      <c r="E86" s="882"/>
    </row>
    <row r="87" spans="1:21" ht="11.25" customHeight="1" x14ac:dyDescent="0.2">
      <c r="A87" s="333" t="s">
        <v>432</v>
      </c>
      <c r="B87" s="545">
        <v>285589431.44999999</v>
      </c>
      <c r="C87" s="546">
        <v>12</v>
      </c>
      <c r="D87" s="1132">
        <v>11.726378705092177</v>
      </c>
      <c r="E87" s="1133"/>
    </row>
    <row r="88" spans="1:21" ht="11.25" customHeight="1" x14ac:dyDescent="0.2">
      <c r="A88" s="29"/>
      <c r="B88" s="29"/>
      <c r="C88" s="88"/>
      <c r="D88" s="29"/>
      <c r="E88" s="29"/>
    </row>
    <row r="89" spans="1:21" ht="21.75" customHeight="1" x14ac:dyDescent="0.2">
      <c r="A89" s="4" t="s">
        <v>81</v>
      </c>
      <c r="B89" s="766" t="s">
        <v>80</v>
      </c>
      <c r="C89" s="767"/>
      <c r="D89" s="767"/>
      <c r="E89" s="767"/>
    </row>
    <row r="90" spans="1:21" ht="15" customHeight="1" x14ac:dyDescent="0.2">
      <c r="A90" s="332" t="s">
        <v>210</v>
      </c>
      <c r="B90" s="766"/>
      <c r="C90" s="767"/>
      <c r="D90" s="767"/>
      <c r="E90" s="767"/>
    </row>
    <row r="91" spans="1:21" ht="10.5" x14ac:dyDescent="0.2">
      <c r="A91" s="205" t="s">
        <v>877</v>
      </c>
      <c r="B91" s="205"/>
      <c r="C91" s="205"/>
      <c r="D91" s="205"/>
      <c r="E91" s="338"/>
      <c r="F91" s="19"/>
      <c r="G91" s="19"/>
      <c r="H91" s="19"/>
      <c r="I91" s="19"/>
      <c r="J91" s="19"/>
      <c r="K91" s="19"/>
      <c r="L91" s="19"/>
      <c r="M91" s="19"/>
      <c r="N91" s="19"/>
      <c r="O91" s="19"/>
      <c r="P91" s="19"/>
      <c r="Q91" s="19"/>
      <c r="R91" s="19"/>
      <c r="S91" s="19"/>
      <c r="T91" s="19"/>
      <c r="U91" s="19"/>
    </row>
    <row r="92" spans="1:21" ht="11.25" customHeight="1" x14ac:dyDescent="0.2">
      <c r="A92" s="22"/>
    </row>
    <row r="94" spans="1:21" s="305" customFormat="1" ht="11.25" customHeight="1" x14ac:dyDescent="0.2">
      <c r="C94" s="77"/>
    </row>
    <row r="95" spans="1:21" s="305" customFormat="1" ht="11.25" customHeight="1" x14ac:dyDescent="0.2">
      <c r="C95" s="77"/>
    </row>
    <row r="98" spans="1:5" ht="11.25" customHeight="1" x14ac:dyDescent="0.2">
      <c r="A98" s="305"/>
      <c r="B98" s="305"/>
      <c r="D98" s="305"/>
      <c r="E98" s="305"/>
    </row>
    <row r="99" spans="1:5" ht="11.25" customHeight="1" x14ac:dyDescent="0.2">
      <c r="A99" s="305"/>
      <c r="B99" s="305"/>
      <c r="D99" s="305"/>
      <c r="E99" s="305"/>
    </row>
    <row r="100" spans="1:5" ht="11.25" customHeight="1" x14ac:dyDescent="0.2">
      <c r="A100" s="305"/>
      <c r="B100" s="305"/>
      <c r="D100" s="305"/>
      <c r="E100" s="305"/>
    </row>
    <row r="101" spans="1:5" ht="11.25" customHeight="1" x14ac:dyDescent="0.2">
      <c r="A101" s="305"/>
      <c r="B101" s="305"/>
      <c r="D101" s="305"/>
      <c r="E101" s="305"/>
    </row>
    <row r="102" spans="1:5" ht="11.25" customHeight="1" x14ac:dyDescent="0.2">
      <c r="A102" s="305"/>
      <c r="B102" s="305"/>
      <c r="D102" s="305"/>
      <c r="E102" s="305"/>
    </row>
    <row r="103" spans="1:5" ht="11.25" customHeight="1" x14ac:dyDescent="0.2">
      <c r="A103" s="305"/>
      <c r="B103" s="305"/>
      <c r="D103" s="305"/>
      <c r="E103" s="305"/>
    </row>
    <row r="104" spans="1:5" ht="11.25" customHeight="1" x14ac:dyDescent="0.2">
      <c r="A104" s="305"/>
      <c r="B104" s="305"/>
      <c r="D104" s="305"/>
      <c r="E104" s="305"/>
    </row>
    <row r="105" spans="1:5" ht="11.25" customHeight="1" x14ac:dyDescent="0.2">
      <c r="A105" s="305"/>
      <c r="B105" s="305"/>
      <c r="D105" s="305"/>
      <c r="E105" s="305"/>
    </row>
    <row r="106" spans="1:5" ht="11.25" customHeight="1" x14ac:dyDescent="0.2">
      <c r="A106" s="305"/>
      <c r="B106" s="305"/>
      <c r="D106" s="305"/>
      <c r="E106" s="305"/>
    </row>
    <row r="107" spans="1:5" ht="11.25" customHeight="1" x14ac:dyDescent="0.2">
      <c r="A107" s="305"/>
      <c r="B107" s="305"/>
      <c r="D107" s="305"/>
      <c r="E107" s="305"/>
    </row>
    <row r="108" spans="1:5" ht="11.25" customHeight="1" x14ac:dyDescent="0.2">
      <c r="A108" s="305"/>
      <c r="B108" s="305"/>
      <c r="D108" s="305"/>
      <c r="E108" s="305"/>
    </row>
    <row r="109" spans="1:5" ht="11.25" customHeight="1" x14ac:dyDescent="0.2">
      <c r="A109" s="305"/>
      <c r="B109" s="305"/>
      <c r="D109" s="305"/>
      <c r="E109" s="305"/>
    </row>
    <row r="110" spans="1:5" ht="11.25" customHeight="1" x14ac:dyDescent="0.2">
      <c r="A110" s="305"/>
      <c r="B110" s="305"/>
      <c r="D110" s="305"/>
      <c r="E110" s="305"/>
    </row>
    <row r="111" spans="1:5" ht="11.25" customHeight="1" x14ac:dyDescent="0.2">
      <c r="A111" s="305"/>
      <c r="B111" s="305"/>
      <c r="D111" s="305"/>
      <c r="E111" s="305"/>
    </row>
    <row r="112" spans="1:5" ht="11.25" customHeight="1" x14ac:dyDescent="0.2">
      <c r="A112" s="305"/>
      <c r="B112" s="305"/>
      <c r="D112" s="305"/>
      <c r="E112" s="305"/>
    </row>
    <row r="113" spans="1:5" ht="11.25" customHeight="1" x14ac:dyDescent="0.2">
      <c r="A113" s="305"/>
      <c r="B113" s="305"/>
      <c r="D113" s="305"/>
      <c r="E113" s="305"/>
    </row>
  </sheetData>
  <customSheetViews>
    <customSheetView guid="{6DBFA32C-4AA4-4E1D-9A48-697377C64CC3}" showPageBreaks="1" showGridLines="0" fitToPage="1" printArea="1">
      <selection activeCell="B17" sqref="B17:E17"/>
      <pageMargins left="0.19685039370078741" right="0.19685039370078741" top="0.39370078740157483" bottom="0.39370078740157483" header="0" footer="0"/>
      <printOptions horizontalCentered="1"/>
      <pageSetup paperSize="9" scale="58" orientation="portrait" r:id="rId1"/>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2"/>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3"/>
      <headerFooter alignWithMargins="0"/>
    </customSheetView>
    <customSheetView guid="{82EDB5A4-4824-4632-A540-7A52C92F04C7}" showPageBreaks="1" showGridLines="0" fitToPage="1" printArea="1">
      <selection activeCell="A3" sqref="A3:E3"/>
      <pageMargins left="0.19685039370078741" right="0.19685039370078741" top="0.59055118110236227" bottom="0.19685039370078741" header="0" footer="0"/>
      <printOptions horizontalCentered="1"/>
      <pageSetup paperSize="9" scale="58" orientation="portrait" r:id="rId4"/>
      <headerFooter alignWithMargins="0"/>
    </customSheetView>
    <customSheetView guid="{3AAF6A5F-F9AA-430B-9AD9-1261ECDF41B5}" showPageBreaks="1" showGridLines="0" fitToPage="1" printArea="1" topLeftCell="A41">
      <selection activeCell="E50" sqref="E50"/>
      <pageMargins left="0.19685039370078741" right="0.19685039370078741" top="0.19685039370078741" bottom="0.19685039370078741" header="0" footer="0"/>
      <printOptions horizontalCentered="1"/>
      <pageSetup paperSize="9" scale="57" orientation="portrait" r:id="rId5"/>
      <headerFooter alignWithMargins="0"/>
    </customSheetView>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57" orientation="portrait" r:id="rId6"/>
      <headerFooter alignWithMargins="0"/>
    </customSheetView>
    <customSheetView guid="{25EF1E0D-169B-4051-B414-7E1196FC05E4}" showPageBreaks="1" showGridLines="0" fitToPage="1" printArea="1">
      <selection activeCell="B17" sqref="B17:E17"/>
      <pageMargins left="0.19685039370078741" right="0.19685039370078741" top="0.19685039370078741" bottom="0.19685039370078741" header="0" footer="0"/>
      <printOptions horizontalCentered="1"/>
      <pageSetup paperSize="9" scale="57" orientation="portrait" r:id="rId7"/>
      <headerFooter alignWithMargins="0"/>
    </customSheetView>
  </customSheetViews>
  <mergeCells count="65">
    <mergeCell ref="B68:C68"/>
    <mergeCell ref="D68:E68"/>
    <mergeCell ref="D62:E62"/>
    <mergeCell ref="B80:C80"/>
    <mergeCell ref="D80:E80"/>
    <mergeCell ref="D69:E69"/>
    <mergeCell ref="D70:E70"/>
    <mergeCell ref="B69:C69"/>
    <mergeCell ref="B70:C70"/>
    <mergeCell ref="B12:E12"/>
    <mergeCell ref="B13:E13"/>
    <mergeCell ref="B14:E14"/>
    <mergeCell ref="B15:E15"/>
    <mergeCell ref="B48:B49"/>
    <mergeCell ref="B16:E16"/>
    <mergeCell ref="D41:E42"/>
    <mergeCell ref="B23:E23"/>
    <mergeCell ref="B38:E38"/>
    <mergeCell ref="B33:E33"/>
    <mergeCell ref="B29:E29"/>
    <mergeCell ref="B39:E39"/>
    <mergeCell ref="B34:E34"/>
    <mergeCell ref="B35:E35"/>
    <mergeCell ref="B36:E36"/>
    <mergeCell ref="B37:E37"/>
    <mergeCell ref="A48:A49"/>
    <mergeCell ref="A3:E3"/>
    <mergeCell ref="A4:E4"/>
    <mergeCell ref="A5:E5"/>
    <mergeCell ref="A6:E6"/>
    <mergeCell ref="B10:E10"/>
    <mergeCell ref="B25:E25"/>
    <mergeCell ref="B28:E28"/>
    <mergeCell ref="B31:E31"/>
    <mergeCell ref="B22:E22"/>
    <mergeCell ref="B24:E24"/>
    <mergeCell ref="B26:E26"/>
    <mergeCell ref="B27:E27"/>
    <mergeCell ref="B32:E32"/>
    <mergeCell ref="B11:E11"/>
    <mergeCell ref="A7:E7"/>
    <mergeCell ref="B17:E17"/>
    <mergeCell ref="B18:E18"/>
    <mergeCell ref="B19:E19"/>
    <mergeCell ref="B20:E20"/>
    <mergeCell ref="B21:E21"/>
    <mergeCell ref="C43:C44"/>
    <mergeCell ref="D64:E64"/>
    <mergeCell ref="D65:E65"/>
    <mergeCell ref="D66:E66"/>
    <mergeCell ref="D67:E67"/>
    <mergeCell ref="C61:E61"/>
    <mergeCell ref="D43:E44"/>
    <mergeCell ref="D45:E45"/>
    <mergeCell ref="D46:E46"/>
    <mergeCell ref="B81:C81"/>
    <mergeCell ref="D81:E81"/>
    <mergeCell ref="D82:E82"/>
    <mergeCell ref="B82:C82"/>
    <mergeCell ref="D87:E87"/>
    <mergeCell ref="B90:E90"/>
    <mergeCell ref="B84:B86"/>
    <mergeCell ref="D85:E86"/>
    <mergeCell ref="B89:E89"/>
    <mergeCell ref="C84:E84"/>
  </mergeCells>
  <phoneticPr fontId="0" type="noConversion"/>
  <printOptions horizontalCentered="1"/>
  <pageMargins left="0.19685039370078741" right="0.19685039370078741" top="0.59055118110236227" bottom="0.19685039370078741" header="0" footer="0"/>
  <pageSetup paperSize="9" scale="57" orientation="portrait" r:id="rId8"/>
  <headerFooter alignWithMargins="0"/>
  <drawing r:id="rId9"/>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N98"/>
  <sheetViews>
    <sheetView showGridLines="0" zoomScaleNormal="100" workbookViewId="0"/>
  </sheetViews>
  <sheetFormatPr defaultRowHeight="11.25" customHeight="1" x14ac:dyDescent="0.2"/>
  <cols>
    <col min="1" max="1" width="57.42578125" style="53" customWidth="1"/>
    <col min="2" max="2" width="16.5703125" style="53" bestFit="1" customWidth="1"/>
    <col min="3" max="3" width="19.28515625" style="53" customWidth="1"/>
    <col min="4" max="9" width="16.5703125" style="53" bestFit="1" customWidth="1"/>
    <col min="10" max="10" width="18.5703125" style="53" customWidth="1"/>
    <col min="11" max="11" width="8" style="53" bestFit="1" customWidth="1"/>
    <col min="12" max="12" width="19" style="53" bestFit="1" customWidth="1"/>
    <col min="13" max="13" width="13.85546875" style="53" customWidth="1"/>
    <col min="14" max="14" width="18.5703125" style="53" customWidth="1"/>
    <col min="15" max="15" width="6.5703125" style="53" customWidth="1"/>
    <col min="16" max="17" width="15.42578125" style="53" customWidth="1"/>
    <col min="18" max="18" width="22" style="53" customWidth="1"/>
    <col min="19" max="19" width="13.42578125" style="53" customWidth="1"/>
    <col min="20" max="16384" width="9.140625" style="53"/>
  </cols>
  <sheetData>
    <row r="1" spans="1:14" s="30" customFormat="1" ht="10.5" x14ac:dyDescent="0.2">
      <c r="A1" s="334"/>
      <c r="B1" s="334"/>
      <c r="C1" s="334"/>
      <c r="D1" s="334"/>
      <c r="E1" s="334"/>
      <c r="F1" s="334"/>
      <c r="G1" s="334"/>
      <c r="H1" s="334"/>
      <c r="I1" s="334"/>
      <c r="J1" s="334"/>
      <c r="K1" s="334"/>
      <c r="L1" s="334"/>
    </row>
    <row r="2" spans="1:14" s="30" customFormat="1" ht="10.5" x14ac:dyDescent="0.2">
      <c r="A2" s="793"/>
      <c r="B2" s="793"/>
      <c r="C2" s="793"/>
      <c r="D2" s="793"/>
      <c r="E2" s="793"/>
      <c r="F2" s="793"/>
      <c r="G2" s="793"/>
      <c r="H2" s="793"/>
      <c r="I2" s="793"/>
      <c r="J2" s="793"/>
      <c r="K2" s="793"/>
      <c r="L2" s="793"/>
    </row>
    <row r="3" spans="1:14" ht="10.5" x14ac:dyDescent="0.2">
      <c r="A3" s="757" t="s">
        <v>643</v>
      </c>
      <c r="B3" s="757"/>
      <c r="C3" s="757"/>
      <c r="D3" s="757"/>
      <c r="E3" s="757"/>
      <c r="F3" s="757"/>
      <c r="G3" s="757"/>
      <c r="H3" s="757"/>
      <c r="I3" s="757"/>
      <c r="J3" s="757"/>
      <c r="K3" s="757"/>
      <c r="L3" s="757"/>
    </row>
    <row r="4" spans="1:14" ht="10.5" x14ac:dyDescent="0.2">
      <c r="A4" s="757" t="s">
        <v>105</v>
      </c>
      <c r="B4" s="757"/>
      <c r="C4" s="757"/>
      <c r="D4" s="757"/>
      <c r="E4" s="757"/>
      <c r="F4" s="757"/>
      <c r="G4" s="757"/>
      <c r="H4" s="757"/>
      <c r="I4" s="757"/>
      <c r="J4" s="757"/>
      <c r="K4" s="757"/>
      <c r="L4" s="757"/>
    </row>
    <row r="5" spans="1:14" ht="10.5" x14ac:dyDescent="0.2">
      <c r="A5" s="757" t="s">
        <v>106</v>
      </c>
      <c r="B5" s="757"/>
      <c r="C5" s="757"/>
      <c r="D5" s="757"/>
      <c r="E5" s="757"/>
      <c r="F5" s="757"/>
      <c r="G5" s="757"/>
      <c r="H5" s="757"/>
      <c r="I5" s="757"/>
      <c r="J5" s="757"/>
      <c r="K5" s="757"/>
      <c r="L5" s="757"/>
    </row>
    <row r="6" spans="1:14" ht="10.5" x14ac:dyDescent="0.2">
      <c r="A6" s="757" t="s">
        <v>107</v>
      </c>
      <c r="B6" s="757"/>
      <c r="C6" s="757"/>
      <c r="D6" s="757"/>
      <c r="E6" s="757"/>
      <c r="F6" s="757"/>
      <c r="G6" s="757"/>
      <c r="H6" s="757"/>
      <c r="I6" s="757"/>
      <c r="J6" s="757"/>
      <c r="K6" s="757"/>
      <c r="L6" s="757"/>
    </row>
    <row r="7" spans="1:14" ht="10.5" x14ac:dyDescent="0.2">
      <c r="A7" s="757" t="s">
        <v>869</v>
      </c>
      <c r="B7" s="757"/>
      <c r="C7" s="757"/>
      <c r="D7" s="757"/>
      <c r="E7" s="757"/>
      <c r="F7" s="757"/>
      <c r="G7" s="757"/>
      <c r="H7" s="757"/>
      <c r="I7" s="757"/>
      <c r="J7" s="757"/>
      <c r="K7" s="757"/>
      <c r="L7" s="757"/>
    </row>
    <row r="8" spans="1:14" s="30" customFormat="1" ht="10.5" x14ac:dyDescent="0.2">
      <c r="A8" s="54"/>
      <c r="B8" s="54"/>
      <c r="C8" s="54"/>
      <c r="D8" s="655"/>
      <c r="E8" s="655"/>
      <c r="F8" s="54"/>
      <c r="G8" s="54"/>
      <c r="H8" s="54"/>
      <c r="I8" s="54"/>
      <c r="J8" s="54"/>
      <c r="K8" s="54"/>
    </row>
    <row r="9" spans="1:14" s="30" customFormat="1" ht="9.75" customHeight="1" x14ac:dyDescent="0.2">
      <c r="A9" s="30" t="s">
        <v>878</v>
      </c>
      <c r="B9" s="129"/>
      <c r="D9" s="354"/>
      <c r="E9" s="354"/>
      <c r="H9" s="150"/>
      <c r="I9" s="54"/>
      <c r="J9" s="150"/>
      <c r="L9" s="254">
        <v>1</v>
      </c>
    </row>
    <row r="10" spans="1:14" ht="10.5" x14ac:dyDescent="0.2">
      <c r="A10" s="761" t="s">
        <v>540</v>
      </c>
      <c r="B10" s="762" t="s">
        <v>429</v>
      </c>
      <c r="C10" s="770"/>
      <c r="D10" s="796" t="s">
        <v>235</v>
      </c>
      <c r="E10" s="797"/>
      <c r="F10" s="766" t="s">
        <v>109</v>
      </c>
      <c r="G10" s="767"/>
      <c r="H10" s="767"/>
      <c r="I10" s="767"/>
      <c r="J10" s="767"/>
      <c r="K10" s="768"/>
      <c r="L10" s="800" t="s">
        <v>161</v>
      </c>
    </row>
    <row r="11" spans="1:14" ht="10.5" x14ac:dyDescent="0.15">
      <c r="A11" s="794"/>
      <c r="B11" s="771"/>
      <c r="C11" s="772"/>
      <c r="D11" s="798"/>
      <c r="E11" s="799"/>
      <c r="F11" s="800" t="s">
        <v>113</v>
      </c>
      <c r="G11" s="802"/>
      <c r="H11" s="667" t="s">
        <v>114</v>
      </c>
      <c r="I11" s="760" t="s">
        <v>115</v>
      </c>
      <c r="J11" s="761"/>
      <c r="K11" s="668" t="s">
        <v>114</v>
      </c>
      <c r="L11" s="801"/>
    </row>
    <row r="12" spans="1:14" ht="10.5" x14ac:dyDescent="0.2">
      <c r="A12" s="795"/>
      <c r="B12" s="773"/>
      <c r="C12" s="774"/>
      <c r="D12" s="758" t="s">
        <v>116</v>
      </c>
      <c r="E12" s="759"/>
      <c r="F12" s="758" t="s">
        <v>117</v>
      </c>
      <c r="G12" s="759"/>
      <c r="H12" s="584" t="s">
        <v>118</v>
      </c>
      <c r="I12" s="758" t="s">
        <v>152</v>
      </c>
      <c r="J12" s="759"/>
      <c r="K12" s="662" t="s">
        <v>153</v>
      </c>
      <c r="L12" s="662" t="s">
        <v>154</v>
      </c>
    </row>
    <row r="13" spans="1:14" ht="10.5" x14ac:dyDescent="0.2">
      <c r="A13" s="166" t="s">
        <v>879</v>
      </c>
      <c r="B13" s="805">
        <v>1179764000</v>
      </c>
      <c r="C13" s="806"/>
      <c r="D13" s="805">
        <v>1235056242.73</v>
      </c>
      <c r="E13" s="806"/>
      <c r="F13" s="805">
        <v>158942429.00999999</v>
      </c>
      <c r="G13" s="806"/>
      <c r="H13" s="669">
        <v>12.869246234379542</v>
      </c>
      <c r="I13" s="805">
        <v>254187367.19</v>
      </c>
      <c r="J13" s="806"/>
      <c r="K13" s="670">
        <v>20.581035777620759</v>
      </c>
      <c r="L13" s="671">
        <v>980868875.53999996</v>
      </c>
    </row>
    <row r="14" spans="1:14" ht="10.5" x14ac:dyDescent="0.2">
      <c r="A14" s="167" t="s">
        <v>8</v>
      </c>
      <c r="B14" s="807">
        <v>1179764000</v>
      </c>
      <c r="C14" s="808"/>
      <c r="D14" s="807">
        <v>1235056242.73</v>
      </c>
      <c r="E14" s="808"/>
      <c r="F14" s="807">
        <v>158942429.00999999</v>
      </c>
      <c r="G14" s="808"/>
      <c r="H14" s="672">
        <v>12.869246234379542</v>
      </c>
      <c r="I14" s="807">
        <v>254187367.19</v>
      </c>
      <c r="J14" s="808"/>
      <c r="K14" s="670">
        <v>20.581035777620759</v>
      </c>
      <c r="L14" s="673">
        <v>980868875.53999996</v>
      </c>
    </row>
    <row r="15" spans="1:14" ht="10.5" x14ac:dyDescent="0.2">
      <c r="A15" s="167" t="s">
        <v>9</v>
      </c>
      <c r="B15" s="803">
        <v>0</v>
      </c>
      <c r="C15" s="804"/>
      <c r="D15" s="803">
        <v>0</v>
      </c>
      <c r="E15" s="804"/>
      <c r="F15" s="803">
        <v>0</v>
      </c>
      <c r="G15" s="804"/>
      <c r="H15" s="674">
        <v>0</v>
      </c>
      <c r="I15" s="803">
        <v>0</v>
      </c>
      <c r="J15" s="804"/>
      <c r="K15" s="674">
        <v>0</v>
      </c>
      <c r="L15" s="675">
        <v>0</v>
      </c>
      <c r="M15" s="32"/>
      <c r="N15" s="66"/>
    </row>
    <row r="16" spans="1:14" ht="10.5" x14ac:dyDescent="0.2">
      <c r="A16" s="33" t="s">
        <v>10</v>
      </c>
      <c r="B16" s="803">
        <v>0</v>
      </c>
      <c r="C16" s="804"/>
      <c r="D16" s="803">
        <v>0</v>
      </c>
      <c r="E16" s="804"/>
      <c r="F16" s="803">
        <v>0</v>
      </c>
      <c r="G16" s="804"/>
      <c r="H16" s="674">
        <v>0</v>
      </c>
      <c r="I16" s="803">
        <v>0</v>
      </c>
      <c r="J16" s="804"/>
      <c r="K16" s="674">
        <v>0</v>
      </c>
      <c r="L16" s="675">
        <v>0</v>
      </c>
    </row>
    <row r="17" spans="1:14" ht="10.5" x14ac:dyDescent="0.2">
      <c r="A17" s="33" t="s">
        <v>11</v>
      </c>
      <c r="B17" s="803">
        <v>0</v>
      </c>
      <c r="C17" s="804"/>
      <c r="D17" s="803">
        <v>0</v>
      </c>
      <c r="E17" s="804"/>
      <c r="F17" s="803">
        <v>0</v>
      </c>
      <c r="G17" s="804"/>
      <c r="H17" s="674">
        <v>0</v>
      </c>
      <c r="I17" s="803">
        <v>0</v>
      </c>
      <c r="J17" s="804"/>
      <c r="K17" s="674">
        <v>0</v>
      </c>
      <c r="L17" s="675">
        <v>0</v>
      </c>
    </row>
    <row r="18" spans="1:14" ht="10.5" x14ac:dyDescent="0.2">
      <c r="A18" s="33" t="s">
        <v>12</v>
      </c>
      <c r="B18" s="803">
        <v>0</v>
      </c>
      <c r="C18" s="804"/>
      <c r="D18" s="803">
        <v>0</v>
      </c>
      <c r="E18" s="804"/>
      <c r="F18" s="803">
        <v>0</v>
      </c>
      <c r="G18" s="804"/>
      <c r="H18" s="674">
        <v>0</v>
      </c>
      <c r="I18" s="803">
        <v>0</v>
      </c>
      <c r="J18" s="804"/>
      <c r="K18" s="674">
        <v>0</v>
      </c>
      <c r="L18" s="675">
        <v>0</v>
      </c>
    </row>
    <row r="19" spans="1:14" ht="10.5" x14ac:dyDescent="0.2">
      <c r="A19" s="167" t="s">
        <v>13</v>
      </c>
      <c r="B19" s="803">
        <v>1179742000</v>
      </c>
      <c r="C19" s="804"/>
      <c r="D19" s="803">
        <v>1179742000</v>
      </c>
      <c r="E19" s="804"/>
      <c r="F19" s="803">
        <v>119513020.93000001</v>
      </c>
      <c r="G19" s="804"/>
      <c r="H19" s="674">
        <v>10.130437072681994</v>
      </c>
      <c r="I19" s="803">
        <v>198895124.46000001</v>
      </c>
      <c r="J19" s="804"/>
      <c r="K19" s="674">
        <v>16.859205187235855</v>
      </c>
      <c r="L19" s="675">
        <v>980846875.53999996</v>
      </c>
      <c r="M19" s="66"/>
      <c r="N19" s="66"/>
    </row>
    <row r="20" spans="1:14" ht="10.5" x14ac:dyDescent="0.2">
      <c r="A20" s="33" t="s">
        <v>14</v>
      </c>
      <c r="B20" s="803">
        <v>1179742000</v>
      </c>
      <c r="C20" s="804"/>
      <c r="D20" s="803">
        <v>1179742000</v>
      </c>
      <c r="E20" s="804"/>
      <c r="F20" s="803">
        <v>119513020.93000001</v>
      </c>
      <c r="G20" s="804"/>
      <c r="H20" s="674">
        <v>10.130437072681994</v>
      </c>
      <c r="I20" s="803">
        <v>198895124.46000001</v>
      </c>
      <c r="J20" s="804"/>
      <c r="K20" s="674">
        <v>16.859205187235855</v>
      </c>
      <c r="L20" s="675">
        <v>980846875.53999996</v>
      </c>
    </row>
    <row r="21" spans="1:14" ht="10.5" x14ac:dyDescent="0.2">
      <c r="A21" s="33" t="s">
        <v>357</v>
      </c>
      <c r="B21" s="803">
        <v>0</v>
      </c>
      <c r="C21" s="804"/>
      <c r="D21" s="803">
        <v>0</v>
      </c>
      <c r="E21" s="804"/>
      <c r="F21" s="803">
        <v>0</v>
      </c>
      <c r="G21" s="804"/>
      <c r="H21" s="674">
        <v>0</v>
      </c>
      <c r="I21" s="803">
        <v>0</v>
      </c>
      <c r="J21" s="804"/>
      <c r="K21" s="674">
        <v>0</v>
      </c>
      <c r="L21" s="675">
        <v>0</v>
      </c>
    </row>
    <row r="22" spans="1:14" ht="10.5" x14ac:dyDescent="0.2">
      <c r="A22" s="33" t="s">
        <v>358</v>
      </c>
      <c r="B22" s="803">
        <v>0</v>
      </c>
      <c r="C22" s="804"/>
      <c r="D22" s="803">
        <v>0</v>
      </c>
      <c r="E22" s="804"/>
      <c r="F22" s="803">
        <v>0</v>
      </c>
      <c r="G22" s="804"/>
      <c r="H22" s="674">
        <v>0</v>
      </c>
      <c r="I22" s="803">
        <v>0</v>
      </c>
      <c r="J22" s="804"/>
      <c r="K22" s="674">
        <v>0</v>
      </c>
      <c r="L22" s="675">
        <v>0</v>
      </c>
    </row>
    <row r="23" spans="1:14" ht="10.5" x14ac:dyDescent="0.2">
      <c r="A23" s="167" t="s">
        <v>15</v>
      </c>
      <c r="B23" s="803">
        <v>0</v>
      </c>
      <c r="C23" s="804"/>
      <c r="D23" s="803">
        <v>0</v>
      </c>
      <c r="E23" s="804"/>
      <c r="F23" s="803">
        <v>0</v>
      </c>
      <c r="G23" s="804"/>
      <c r="H23" s="674">
        <v>0</v>
      </c>
      <c r="I23" s="803">
        <v>0</v>
      </c>
      <c r="J23" s="804"/>
      <c r="K23" s="674">
        <v>0</v>
      </c>
      <c r="L23" s="675">
        <v>0</v>
      </c>
    </row>
    <row r="24" spans="1:14" ht="10.5" x14ac:dyDescent="0.2">
      <c r="A24" s="33" t="s">
        <v>16</v>
      </c>
      <c r="B24" s="803">
        <v>0</v>
      </c>
      <c r="C24" s="804"/>
      <c r="D24" s="803">
        <v>0</v>
      </c>
      <c r="E24" s="804"/>
      <c r="F24" s="803">
        <v>0</v>
      </c>
      <c r="G24" s="804"/>
      <c r="H24" s="674">
        <v>0</v>
      </c>
      <c r="I24" s="803">
        <v>0</v>
      </c>
      <c r="J24" s="804"/>
      <c r="K24" s="674">
        <v>0</v>
      </c>
      <c r="L24" s="675">
        <v>0</v>
      </c>
    </row>
    <row r="25" spans="1:14" ht="10.5" x14ac:dyDescent="0.2">
      <c r="A25" s="33" t="s">
        <v>17</v>
      </c>
      <c r="B25" s="803">
        <v>0</v>
      </c>
      <c r="C25" s="804"/>
      <c r="D25" s="803">
        <v>0</v>
      </c>
      <c r="E25" s="804"/>
      <c r="F25" s="803">
        <v>0</v>
      </c>
      <c r="G25" s="804"/>
      <c r="H25" s="674">
        <v>0</v>
      </c>
      <c r="I25" s="803">
        <v>0</v>
      </c>
      <c r="J25" s="804"/>
      <c r="K25" s="674">
        <v>0</v>
      </c>
      <c r="L25" s="675">
        <v>0</v>
      </c>
    </row>
    <row r="26" spans="1:14" ht="10.5" x14ac:dyDescent="0.2">
      <c r="A26" s="33" t="s">
        <v>18</v>
      </c>
      <c r="B26" s="803">
        <v>0</v>
      </c>
      <c r="C26" s="804"/>
      <c r="D26" s="803">
        <v>0</v>
      </c>
      <c r="E26" s="804"/>
      <c r="F26" s="803">
        <v>0</v>
      </c>
      <c r="G26" s="804"/>
      <c r="H26" s="674">
        <v>0</v>
      </c>
      <c r="I26" s="803">
        <v>0</v>
      </c>
      <c r="J26" s="804"/>
      <c r="K26" s="674">
        <v>0</v>
      </c>
      <c r="L26" s="675">
        <v>0</v>
      </c>
    </row>
    <row r="27" spans="1:14" ht="10.5" x14ac:dyDescent="0.2">
      <c r="A27" s="33" t="s">
        <v>119</v>
      </c>
      <c r="B27" s="803">
        <v>0</v>
      </c>
      <c r="C27" s="804"/>
      <c r="D27" s="803">
        <v>0</v>
      </c>
      <c r="E27" s="804"/>
      <c r="F27" s="803">
        <v>0</v>
      </c>
      <c r="G27" s="804"/>
      <c r="H27" s="674">
        <v>0</v>
      </c>
      <c r="I27" s="803">
        <v>0</v>
      </c>
      <c r="J27" s="804"/>
      <c r="K27" s="674">
        <v>0</v>
      </c>
      <c r="L27" s="675">
        <v>0</v>
      </c>
    </row>
    <row r="28" spans="1:14" ht="21" x14ac:dyDescent="0.2">
      <c r="A28" s="60" t="s">
        <v>370</v>
      </c>
      <c r="B28" s="803">
        <v>0</v>
      </c>
      <c r="C28" s="804"/>
      <c r="D28" s="803">
        <v>0</v>
      </c>
      <c r="E28" s="804"/>
      <c r="F28" s="803">
        <v>0</v>
      </c>
      <c r="G28" s="804"/>
      <c r="H28" s="674">
        <v>0</v>
      </c>
      <c r="I28" s="803">
        <v>0</v>
      </c>
      <c r="J28" s="804"/>
      <c r="K28" s="674">
        <v>0</v>
      </c>
      <c r="L28" s="675">
        <v>0</v>
      </c>
    </row>
    <row r="29" spans="1:14" ht="10.5" x14ac:dyDescent="0.2">
      <c r="A29" s="60" t="s">
        <v>371</v>
      </c>
      <c r="B29" s="803">
        <v>0</v>
      </c>
      <c r="C29" s="804"/>
      <c r="D29" s="803">
        <v>0</v>
      </c>
      <c r="E29" s="804"/>
      <c r="F29" s="803">
        <v>0</v>
      </c>
      <c r="G29" s="804"/>
      <c r="H29" s="674">
        <v>0</v>
      </c>
      <c r="I29" s="803">
        <v>0</v>
      </c>
      <c r="J29" s="804"/>
      <c r="K29" s="674">
        <v>0</v>
      </c>
      <c r="L29" s="675">
        <v>0</v>
      </c>
    </row>
    <row r="30" spans="1:14" ht="10.5" x14ac:dyDescent="0.2">
      <c r="A30" s="33" t="s">
        <v>19</v>
      </c>
      <c r="B30" s="803">
        <v>0</v>
      </c>
      <c r="C30" s="804"/>
      <c r="D30" s="803">
        <v>0</v>
      </c>
      <c r="E30" s="804"/>
      <c r="F30" s="803">
        <v>0</v>
      </c>
      <c r="G30" s="804"/>
      <c r="H30" s="674">
        <v>0</v>
      </c>
      <c r="I30" s="803">
        <v>0</v>
      </c>
      <c r="J30" s="804"/>
      <c r="K30" s="674">
        <v>0</v>
      </c>
      <c r="L30" s="675">
        <v>0</v>
      </c>
    </row>
    <row r="31" spans="1:14" ht="10.5" x14ac:dyDescent="0.2">
      <c r="A31" s="167" t="s">
        <v>20</v>
      </c>
      <c r="B31" s="803">
        <v>0</v>
      </c>
      <c r="C31" s="804"/>
      <c r="D31" s="803">
        <v>0</v>
      </c>
      <c r="E31" s="804"/>
      <c r="F31" s="803">
        <v>0</v>
      </c>
      <c r="G31" s="804"/>
      <c r="H31" s="674">
        <v>0</v>
      </c>
      <c r="I31" s="803">
        <v>0</v>
      </c>
      <c r="J31" s="804"/>
      <c r="K31" s="674">
        <v>0</v>
      </c>
      <c r="L31" s="675">
        <v>0</v>
      </c>
    </row>
    <row r="32" spans="1:14" ht="10.5" x14ac:dyDescent="0.2">
      <c r="A32" s="33" t="s">
        <v>21</v>
      </c>
      <c r="B32" s="803">
        <v>0</v>
      </c>
      <c r="C32" s="804"/>
      <c r="D32" s="803">
        <v>0</v>
      </c>
      <c r="E32" s="804"/>
      <c r="F32" s="803">
        <v>0</v>
      </c>
      <c r="G32" s="804"/>
      <c r="H32" s="674">
        <v>0</v>
      </c>
      <c r="I32" s="803">
        <v>0</v>
      </c>
      <c r="J32" s="804"/>
      <c r="K32" s="674">
        <v>0</v>
      </c>
      <c r="L32" s="675">
        <v>0</v>
      </c>
    </row>
    <row r="33" spans="1:14" ht="10.5" x14ac:dyDescent="0.2">
      <c r="A33" s="33" t="s">
        <v>22</v>
      </c>
      <c r="B33" s="803">
        <v>0</v>
      </c>
      <c r="C33" s="804"/>
      <c r="D33" s="803">
        <v>0</v>
      </c>
      <c r="E33" s="804"/>
      <c r="F33" s="803">
        <v>0</v>
      </c>
      <c r="G33" s="804"/>
      <c r="H33" s="674">
        <v>0</v>
      </c>
      <c r="I33" s="803">
        <v>0</v>
      </c>
      <c r="J33" s="804"/>
      <c r="K33" s="674">
        <v>0</v>
      </c>
      <c r="L33" s="675">
        <v>0</v>
      </c>
    </row>
    <row r="34" spans="1:14" ht="10.5" x14ac:dyDescent="0.2">
      <c r="A34" s="33" t="s">
        <v>23</v>
      </c>
      <c r="B34" s="803">
        <v>0</v>
      </c>
      <c r="C34" s="804"/>
      <c r="D34" s="803">
        <v>0</v>
      </c>
      <c r="E34" s="804"/>
      <c r="F34" s="803">
        <v>0</v>
      </c>
      <c r="G34" s="804"/>
      <c r="H34" s="674">
        <v>0</v>
      </c>
      <c r="I34" s="803">
        <v>0</v>
      </c>
      <c r="J34" s="804"/>
      <c r="K34" s="674">
        <v>0</v>
      </c>
      <c r="L34" s="675">
        <v>0</v>
      </c>
    </row>
    <row r="35" spans="1:14" ht="10.5" x14ac:dyDescent="0.2">
      <c r="A35" s="167" t="s">
        <v>24</v>
      </c>
      <c r="B35" s="803">
        <v>0</v>
      </c>
      <c r="C35" s="804"/>
      <c r="D35" s="803">
        <v>0</v>
      </c>
      <c r="E35" s="804"/>
      <c r="F35" s="803">
        <v>0</v>
      </c>
      <c r="G35" s="804"/>
      <c r="H35" s="674">
        <v>0</v>
      </c>
      <c r="I35" s="803">
        <v>0</v>
      </c>
      <c r="J35" s="804"/>
      <c r="K35" s="674">
        <v>0</v>
      </c>
      <c r="L35" s="675">
        <v>0</v>
      </c>
    </row>
    <row r="36" spans="1:14" ht="10.5" x14ac:dyDescent="0.2">
      <c r="A36" s="33" t="s">
        <v>372</v>
      </c>
      <c r="B36" s="803">
        <v>0</v>
      </c>
      <c r="C36" s="804"/>
      <c r="D36" s="803">
        <v>0</v>
      </c>
      <c r="E36" s="804"/>
      <c r="F36" s="803">
        <v>0</v>
      </c>
      <c r="G36" s="804"/>
      <c r="H36" s="674">
        <v>0</v>
      </c>
      <c r="I36" s="803">
        <v>0</v>
      </c>
      <c r="J36" s="804"/>
      <c r="K36" s="674">
        <v>0</v>
      </c>
      <c r="L36" s="675">
        <v>0</v>
      </c>
    </row>
    <row r="37" spans="1:14" ht="10.5" x14ac:dyDescent="0.2">
      <c r="A37" s="33" t="s">
        <v>25</v>
      </c>
      <c r="B37" s="803">
        <v>0</v>
      </c>
      <c r="C37" s="804"/>
      <c r="D37" s="803">
        <v>0</v>
      </c>
      <c r="E37" s="804"/>
      <c r="F37" s="803">
        <v>0</v>
      </c>
      <c r="G37" s="804"/>
      <c r="H37" s="674">
        <v>0</v>
      </c>
      <c r="I37" s="803">
        <v>0</v>
      </c>
      <c r="J37" s="804"/>
      <c r="K37" s="674">
        <v>0</v>
      </c>
      <c r="L37" s="675">
        <v>0</v>
      </c>
    </row>
    <row r="38" spans="1:14" ht="10.5" x14ac:dyDescent="0.2">
      <c r="A38" s="33" t="s">
        <v>26</v>
      </c>
      <c r="B38" s="803">
        <v>0</v>
      </c>
      <c r="C38" s="804"/>
      <c r="D38" s="803">
        <v>0</v>
      </c>
      <c r="E38" s="804"/>
      <c r="F38" s="803">
        <v>0</v>
      </c>
      <c r="G38" s="804"/>
      <c r="H38" s="674">
        <v>0</v>
      </c>
      <c r="I38" s="803">
        <v>0</v>
      </c>
      <c r="J38" s="804"/>
      <c r="K38" s="674">
        <v>0</v>
      </c>
      <c r="L38" s="675">
        <v>0</v>
      </c>
    </row>
    <row r="39" spans="1:14" ht="10.5" x14ac:dyDescent="0.2">
      <c r="A39" s="61" t="s">
        <v>27</v>
      </c>
      <c r="B39" s="803">
        <v>0</v>
      </c>
      <c r="C39" s="804"/>
      <c r="D39" s="803">
        <v>0</v>
      </c>
      <c r="E39" s="804"/>
      <c r="F39" s="803">
        <v>0</v>
      </c>
      <c r="G39" s="804"/>
      <c r="H39" s="674">
        <v>0</v>
      </c>
      <c r="I39" s="803">
        <v>0</v>
      </c>
      <c r="J39" s="804"/>
      <c r="K39" s="674">
        <v>0</v>
      </c>
      <c r="L39" s="675">
        <v>0</v>
      </c>
    </row>
    <row r="40" spans="1:14" ht="10.5" x14ac:dyDescent="0.2">
      <c r="A40" s="167" t="s">
        <v>28</v>
      </c>
      <c r="B40" s="803">
        <v>3000</v>
      </c>
      <c r="C40" s="804"/>
      <c r="D40" s="803">
        <v>3000</v>
      </c>
      <c r="E40" s="804"/>
      <c r="F40" s="803">
        <v>0</v>
      </c>
      <c r="G40" s="804"/>
      <c r="H40" s="674">
        <v>0</v>
      </c>
      <c r="I40" s="803">
        <v>0</v>
      </c>
      <c r="J40" s="804"/>
      <c r="K40" s="674">
        <v>0</v>
      </c>
      <c r="L40" s="675">
        <v>3000</v>
      </c>
    </row>
    <row r="41" spans="1:14" ht="10.5" x14ac:dyDescent="0.2">
      <c r="A41" s="167" t="s">
        <v>29</v>
      </c>
      <c r="B41" s="803">
        <v>0</v>
      </c>
      <c r="C41" s="804"/>
      <c r="D41" s="803">
        <v>0</v>
      </c>
      <c r="E41" s="804"/>
      <c r="F41" s="803">
        <v>0</v>
      </c>
      <c r="G41" s="804"/>
      <c r="H41" s="674">
        <v>0</v>
      </c>
      <c r="I41" s="803">
        <v>0</v>
      </c>
      <c r="J41" s="804"/>
      <c r="K41" s="674">
        <v>0</v>
      </c>
      <c r="L41" s="675">
        <v>0</v>
      </c>
      <c r="M41" s="66"/>
      <c r="N41" s="66"/>
    </row>
    <row r="42" spans="1:14" ht="10.5" x14ac:dyDescent="0.2">
      <c r="A42" s="33" t="s">
        <v>30</v>
      </c>
      <c r="B42" s="803">
        <v>0</v>
      </c>
      <c r="C42" s="804"/>
      <c r="D42" s="803">
        <v>0</v>
      </c>
      <c r="E42" s="804"/>
      <c r="F42" s="803">
        <v>0</v>
      </c>
      <c r="G42" s="804"/>
      <c r="H42" s="674">
        <v>0</v>
      </c>
      <c r="I42" s="803">
        <v>0</v>
      </c>
      <c r="J42" s="804"/>
      <c r="K42" s="674">
        <v>0</v>
      </c>
      <c r="L42" s="675">
        <v>0</v>
      </c>
    </row>
    <row r="43" spans="1:14" ht="10.5" x14ac:dyDescent="0.2">
      <c r="A43" s="33" t="s">
        <v>31</v>
      </c>
      <c r="B43" s="803">
        <v>0</v>
      </c>
      <c r="C43" s="804"/>
      <c r="D43" s="803">
        <v>0</v>
      </c>
      <c r="E43" s="804"/>
      <c r="F43" s="803">
        <v>0</v>
      </c>
      <c r="G43" s="804"/>
      <c r="H43" s="674">
        <v>0</v>
      </c>
      <c r="I43" s="803">
        <v>0</v>
      </c>
      <c r="J43" s="804"/>
      <c r="K43" s="674">
        <v>0</v>
      </c>
      <c r="L43" s="675">
        <v>0</v>
      </c>
    </row>
    <row r="44" spans="1:14" ht="10.5" x14ac:dyDescent="0.2">
      <c r="A44" s="33" t="s">
        <v>32</v>
      </c>
      <c r="B44" s="803">
        <v>0</v>
      </c>
      <c r="C44" s="804"/>
      <c r="D44" s="803">
        <v>0</v>
      </c>
      <c r="E44" s="804"/>
      <c r="F44" s="803">
        <v>0</v>
      </c>
      <c r="G44" s="804"/>
      <c r="H44" s="674">
        <v>0</v>
      </c>
      <c r="I44" s="803">
        <v>0</v>
      </c>
      <c r="J44" s="804"/>
      <c r="K44" s="674">
        <v>0</v>
      </c>
      <c r="L44" s="675">
        <v>0</v>
      </c>
    </row>
    <row r="45" spans="1:14" ht="10.5" x14ac:dyDescent="0.2">
      <c r="A45" s="33" t="s">
        <v>33</v>
      </c>
      <c r="B45" s="803">
        <v>0</v>
      </c>
      <c r="C45" s="804"/>
      <c r="D45" s="803">
        <v>0</v>
      </c>
      <c r="E45" s="804"/>
      <c r="F45" s="803">
        <v>0</v>
      </c>
      <c r="G45" s="804"/>
      <c r="H45" s="674">
        <v>0</v>
      </c>
      <c r="I45" s="803">
        <v>0</v>
      </c>
      <c r="J45" s="804"/>
      <c r="K45" s="674">
        <v>0</v>
      </c>
      <c r="L45" s="675">
        <v>0</v>
      </c>
    </row>
    <row r="46" spans="1:14" ht="10.5" x14ac:dyDescent="0.2">
      <c r="A46" s="33" t="s">
        <v>34</v>
      </c>
      <c r="B46" s="803">
        <v>0</v>
      </c>
      <c r="C46" s="804"/>
      <c r="D46" s="803">
        <v>0</v>
      </c>
      <c r="E46" s="804"/>
      <c r="F46" s="803">
        <v>0</v>
      </c>
      <c r="G46" s="804"/>
      <c r="H46" s="674">
        <v>0</v>
      </c>
      <c r="I46" s="803">
        <v>0</v>
      </c>
      <c r="J46" s="804"/>
      <c r="K46" s="674">
        <v>0</v>
      </c>
      <c r="L46" s="675">
        <v>0</v>
      </c>
    </row>
    <row r="47" spans="1:14" ht="10.5" x14ac:dyDescent="0.2">
      <c r="A47" s="62" t="s">
        <v>35</v>
      </c>
      <c r="B47" s="803">
        <v>0</v>
      </c>
      <c r="C47" s="804"/>
      <c r="D47" s="803">
        <v>0</v>
      </c>
      <c r="E47" s="804"/>
      <c r="F47" s="803">
        <v>0</v>
      </c>
      <c r="G47" s="804"/>
      <c r="H47" s="674">
        <v>0</v>
      </c>
      <c r="I47" s="803">
        <v>0</v>
      </c>
      <c r="J47" s="804"/>
      <c r="K47" s="674">
        <v>0</v>
      </c>
      <c r="L47" s="675">
        <v>0</v>
      </c>
    </row>
    <row r="48" spans="1:14" ht="10.5" x14ac:dyDescent="0.2">
      <c r="A48" s="167" t="s">
        <v>36</v>
      </c>
      <c r="B48" s="803">
        <v>19000</v>
      </c>
      <c r="C48" s="804"/>
      <c r="D48" s="803">
        <v>55311242.729999997</v>
      </c>
      <c r="E48" s="804"/>
      <c r="F48" s="803">
        <v>39429408.079999998</v>
      </c>
      <c r="G48" s="804"/>
      <c r="H48" s="674">
        <v>71.286425930571383</v>
      </c>
      <c r="I48" s="803">
        <v>55292242.729999997</v>
      </c>
      <c r="J48" s="804"/>
      <c r="K48" s="674">
        <v>99.965648936703971</v>
      </c>
      <c r="L48" s="675">
        <v>19000</v>
      </c>
    </row>
    <row r="49" spans="1:14" ht="10.5" x14ac:dyDescent="0.2">
      <c r="A49" s="33" t="s">
        <v>37</v>
      </c>
      <c r="B49" s="803">
        <v>19000</v>
      </c>
      <c r="C49" s="804"/>
      <c r="D49" s="803">
        <v>19000</v>
      </c>
      <c r="E49" s="804"/>
      <c r="F49" s="803">
        <v>0</v>
      </c>
      <c r="G49" s="804"/>
      <c r="H49" s="674">
        <v>0</v>
      </c>
      <c r="I49" s="803">
        <v>0</v>
      </c>
      <c r="J49" s="804"/>
      <c r="K49" s="674">
        <v>0</v>
      </c>
      <c r="L49" s="675">
        <v>19000</v>
      </c>
    </row>
    <row r="50" spans="1:14" ht="10.5" x14ac:dyDescent="0.2">
      <c r="A50" s="33" t="s">
        <v>38</v>
      </c>
      <c r="B50" s="803">
        <v>0</v>
      </c>
      <c r="C50" s="804"/>
      <c r="D50" s="803">
        <v>0</v>
      </c>
      <c r="E50" s="804"/>
      <c r="F50" s="803">
        <v>0</v>
      </c>
      <c r="G50" s="804"/>
      <c r="H50" s="674">
        <v>0</v>
      </c>
      <c r="I50" s="803">
        <v>0</v>
      </c>
      <c r="J50" s="804"/>
      <c r="K50" s="674">
        <v>0</v>
      </c>
      <c r="L50" s="675">
        <v>0</v>
      </c>
    </row>
    <row r="51" spans="1:14" ht="10.5" x14ac:dyDescent="0.2">
      <c r="A51" s="33" t="s">
        <v>39</v>
      </c>
      <c r="B51" s="803">
        <v>0</v>
      </c>
      <c r="C51" s="804"/>
      <c r="D51" s="803">
        <v>0</v>
      </c>
      <c r="E51" s="804"/>
      <c r="F51" s="803">
        <v>0</v>
      </c>
      <c r="G51" s="804"/>
      <c r="H51" s="674">
        <v>0</v>
      </c>
      <c r="I51" s="803">
        <v>0</v>
      </c>
      <c r="J51" s="804"/>
      <c r="K51" s="674">
        <v>0</v>
      </c>
      <c r="L51" s="675">
        <v>0</v>
      </c>
    </row>
    <row r="52" spans="1:14" ht="21" x14ac:dyDescent="0.2">
      <c r="A52" s="60" t="s">
        <v>373</v>
      </c>
      <c r="B52" s="803">
        <v>0</v>
      </c>
      <c r="C52" s="804"/>
      <c r="D52" s="803">
        <v>0</v>
      </c>
      <c r="E52" s="804"/>
      <c r="F52" s="803">
        <v>0</v>
      </c>
      <c r="G52" s="804"/>
      <c r="H52" s="674">
        <v>0</v>
      </c>
      <c r="I52" s="803">
        <v>0</v>
      </c>
      <c r="J52" s="804"/>
      <c r="K52" s="674">
        <v>0</v>
      </c>
      <c r="L52" s="675">
        <v>0</v>
      </c>
    </row>
    <row r="53" spans="1:14" ht="10.5" x14ac:dyDescent="0.2">
      <c r="A53" s="62" t="s">
        <v>54</v>
      </c>
      <c r="B53" s="803">
        <v>0</v>
      </c>
      <c r="C53" s="804"/>
      <c r="D53" s="803">
        <v>55292242.729999997</v>
      </c>
      <c r="E53" s="804"/>
      <c r="F53" s="803">
        <v>39429408.079999998</v>
      </c>
      <c r="G53" s="804"/>
      <c r="H53" s="674">
        <v>71.310921990521322</v>
      </c>
      <c r="I53" s="803">
        <v>55292242.729999997</v>
      </c>
      <c r="J53" s="804"/>
      <c r="K53" s="674">
        <v>100</v>
      </c>
      <c r="L53" s="675">
        <v>0</v>
      </c>
    </row>
    <row r="54" spans="1:14" ht="10.5" x14ac:dyDescent="0.2">
      <c r="A54" s="167" t="s">
        <v>40</v>
      </c>
      <c r="B54" s="807">
        <v>0</v>
      </c>
      <c r="C54" s="808"/>
      <c r="D54" s="807">
        <v>0</v>
      </c>
      <c r="E54" s="808"/>
      <c r="F54" s="807">
        <v>0</v>
      </c>
      <c r="G54" s="808"/>
      <c r="H54" s="670">
        <v>0</v>
      </c>
      <c r="I54" s="807">
        <v>0</v>
      </c>
      <c r="J54" s="808"/>
      <c r="K54" s="670">
        <v>0</v>
      </c>
      <c r="L54" s="676">
        <v>0</v>
      </c>
    </row>
    <row r="55" spans="1:14" ht="10.5" x14ac:dyDescent="0.2">
      <c r="A55" s="167" t="s">
        <v>41</v>
      </c>
      <c r="B55" s="803">
        <v>0</v>
      </c>
      <c r="C55" s="804"/>
      <c r="D55" s="803">
        <v>0</v>
      </c>
      <c r="E55" s="804"/>
      <c r="F55" s="803">
        <v>0</v>
      </c>
      <c r="G55" s="804"/>
      <c r="H55" s="674">
        <v>0</v>
      </c>
      <c r="I55" s="803">
        <v>0</v>
      </c>
      <c r="J55" s="804"/>
      <c r="K55" s="674">
        <v>0</v>
      </c>
      <c r="L55" s="675">
        <v>0</v>
      </c>
    </row>
    <row r="56" spans="1:14" ht="10.5" x14ac:dyDescent="0.2">
      <c r="A56" s="33" t="s">
        <v>42</v>
      </c>
      <c r="B56" s="803">
        <v>0</v>
      </c>
      <c r="C56" s="804"/>
      <c r="D56" s="803">
        <v>0</v>
      </c>
      <c r="E56" s="804"/>
      <c r="F56" s="803">
        <v>0</v>
      </c>
      <c r="G56" s="804"/>
      <c r="H56" s="674">
        <v>0</v>
      </c>
      <c r="I56" s="803">
        <v>0</v>
      </c>
      <c r="J56" s="804"/>
      <c r="K56" s="674">
        <v>0</v>
      </c>
      <c r="L56" s="675">
        <v>0</v>
      </c>
    </row>
    <row r="57" spans="1:14" ht="10.5" x14ac:dyDescent="0.2">
      <c r="A57" s="33" t="s">
        <v>43</v>
      </c>
      <c r="B57" s="803">
        <v>0</v>
      </c>
      <c r="C57" s="804"/>
      <c r="D57" s="803">
        <v>0</v>
      </c>
      <c r="E57" s="804"/>
      <c r="F57" s="803">
        <v>0</v>
      </c>
      <c r="G57" s="804"/>
      <c r="H57" s="674">
        <v>0</v>
      </c>
      <c r="I57" s="803">
        <v>0</v>
      </c>
      <c r="J57" s="804"/>
      <c r="K57" s="674">
        <v>0</v>
      </c>
      <c r="L57" s="675">
        <v>0</v>
      </c>
    </row>
    <row r="58" spans="1:14" ht="10.5" x14ac:dyDescent="0.2">
      <c r="A58" s="167" t="s">
        <v>44</v>
      </c>
      <c r="B58" s="803">
        <v>0</v>
      </c>
      <c r="C58" s="804"/>
      <c r="D58" s="803">
        <v>0</v>
      </c>
      <c r="E58" s="804"/>
      <c r="F58" s="803">
        <v>0</v>
      </c>
      <c r="G58" s="804"/>
      <c r="H58" s="674">
        <v>0</v>
      </c>
      <c r="I58" s="803">
        <v>0</v>
      </c>
      <c r="J58" s="804"/>
      <c r="K58" s="674">
        <v>0</v>
      </c>
      <c r="L58" s="675">
        <v>0</v>
      </c>
      <c r="M58" s="66"/>
      <c r="N58" s="66"/>
    </row>
    <row r="59" spans="1:14" ht="10.5" x14ac:dyDescent="0.2">
      <c r="A59" s="33" t="s">
        <v>45</v>
      </c>
      <c r="B59" s="803">
        <v>0</v>
      </c>
      <c r="C59" s="804"/>
      <c r="D59" s="803">
        <v>0</v>
      </c>
      <c r="E59" s="804"/>
      <c r="F59" s="803">
        <v>0</v>
      </c>
      <c r="G59" s="804"/>
      <c r="H59" s="674">
        <v>0</v>
      </c>
      <c r="I59" s="803">
        <v>0</v>
      </c>
      <c r="J59" s="804"/>
      <c r="K59" s="674">
        <v>0</v>
      </c>
      <c r="L59" s="675">
        <v>0</v>
      </c>
    </row>
    <row r="60" spans="1:14" ht="10.5" x14ac:dyDescent="0.2">
      <c r="A60" s="33" t="s">
        <v>46</v>
      </c>
      <c r="B60" s="803">
        <v>0</v>
      </c>
      <c r="C60" s="804"/>
      <c r="D60" s="803">
        <v>0</v>
      </c>
      <c r="E60" s="804"/>
      <c r="F60" s="803">
        <v>0</v>
      </c>
      <c r="G60" s="804"/>
      <c r="H60" s="674">
        <v>0</v>
      </c>
      <c r="I60" s="803">
        <v>0</v>
      </c>
      <c r="J60" s="804"/>
      <c r="K60" s="674">
        <v>0</v>
      </c>
      <c r="L60" s="675">
        <v>0</v>
      </c>
    </row>
    <row r="61" spans="1:14" ht="10.5" x14ac:dyDescent="0.2">
      <c r="A61" s="167" t="s">
        <v>47</v>
      </c>
      <c r="B61" s="803">
        <v>0</v>
      </c>
      <c r="C61" s="804"/>
      <c r="D61" s="803">
        <v>0</v>
      </c>
      <c r="E61" s="804"/>
      <c r="F61" s="803">
        <v>0</v>
      </c>
      <c r="G61" s="804"/>
      <c r="H61" s="674">
        <v>0</v>
      </c>
      <c r="I61" s="803">
        <v>0</v>
      </c>
      <c r="J61" s="804"/>
      <c r="K61" s="674">
        <v>0</v>
      </c>
      <c r="L61" s="675">
        <v>0</v>
      </c>
    </row>
    <row r="62" spans="1:14" ht="10.5" x14ac:dyDescent="0.2">
      <c r="A62" s="167" t="s">
        <v>48</v>
      </c>
      <c r="B62" s="803">
        <v>0</v>
      </c>
      <c r="C62" s="804"/>
      <c r="D62" s="803">
        <v>0</v>
      </c>
      <c r="E62" s="804"/>
      <c r="F62" s="803">
        <v>0</v>
      </c>
      <c r="G62" s="804"/>
      <c r="H62" s="674">
        <v>0</v>
      </c>
      <c r="I62" s="803">
        <v>0</v>
      </c>
      <c r="J62" s="804"/>
      <c r="K62" s="674">
        <v>0</v>
      </c>
      <c r="L62" s="675">
        <v>0</v>
      </c>
      <c r="M62" s="66"/>
      <c r="N62" s="66"/>
    </row>
    <row r="63" spans="1:14" ht="10.5" x14ac:dyDescent="0.2">
      <c r="A63" s="33" t="s">
        <v>30</v>
      </c>
      <c r="B63" s="803">
        <v>0</v>
      </c>
      <c r="C63" s="804"/>
      <c r="D63" s="803">
        <v>0</v>
      </c>
      <c r="E63" s="804"/>
      <c r="F63" s="803">
        <v>0</v>
      </c>
      <c r="G63" s="804"/>
      <c r="H63" s="674">
        <v>0</v>
      </c>
      <c r="I63" s="803">
        <v>0</v>
      </c>
      <c r="J63" s="804"/>
      <c r="K63" s="674">
        <v>0</v>
      </c>
      <c r="L63" s="675">
        <v>0</v>
      </c>
    </row>
    <row r="64" spans="1:14" ht="10.5" x14ac:dyDescent="0.2">
      <c r="A64" s="33" t="s">
        <v>31</v>
      </c>
      <c r="B64" s="803">
        <v>0</v>
      </c>
      <c r="C64" s="804"/>
      <c r="D64" s="803">
        <v>0</v>
      </c>
      <c r="E64" s="804"/>
      <c r="F64" s="803">
        <v>0</v>
      </c>
      <c r="G64" s="804"/>
      <c r="H64" s="674">
        <v>0</v>
      </c>
      <c r="I64" s="803">
        <v>0</v>
      </c>
      <c r="J64" s="804"/>
      <c r="K64" s="674">
        <v>0</v>
      </c>
      <c r="L64" s="675">
        <v>0</v>
      </c>
    </row>
    <row r="65" spans="1:12" ht="10.5" x14ac:dyDescent="0.2">
      <c r="A65" s="33" t="s">
        <v>32</v>
      </c>
      <c r="B65" s="803">
        <v>0</v>
      </c>
      <c r="C65" s="804"/>
      <c r="D65" s="803">
        <v>0</v>
      </c>
      <c r="E65" s="804"/>
      <c r="F65" s="803">
        <v>0</v>
      </c>
      <c r="G65" s="804"/>
      <c r="H65" s="674">
        <v>0</v>
      </c>
      <c r="I65" s="803">
        <v>0</v>
      </c>
      <c r="J65" s="804"/>
      <c r="K65" s="674">
        <v>0</v>
      </c>
      <c r="L65" s="675">
        <v>0</v>
      </c>
    </row>
    <row r="66" spans="1:12" ht="10.5" x14ac:dyDescent="0.2">
      <c r="A66" s="33" t="s">
        <v>33</v>
      </c>
      <c r="B66" s="803">
        <v>0</v>
      </c>
      <c r="C66" s="804"/>
      <c r="D66" s="803">
        <v>0</v>
      </c>
      <c r="E66" s="804"/>
      <c r="F66" s="803">
        <v>0</v>
      </c>
      <c r="G66" s="804"/>
      <c r="H66" s="674">
        <v>0</v>
      </c>
      <c r="I66" s="803">
        <v>0</v>
      </c>
      <c r="J66" s="804"/>
      <c r="K66" s="674">
        <v>0</v>
      </c>
      <c r="L66" s="675">
        <v>0</v>
      </c>
    </row>
    <row r="67" spans="1:12" ht="10.5" x14ac:dyDescent="0.2">
      <c r="A67" s="63" t="s">
        <v>49</v>
      </c>
      <c r="B67" s="803">
        <v>0</v>
      </c>
      <c r="C67" s="804"/>
      <c r="D67" s="803">
        <v>0</v>
      </c>
      <c r="E67" s="804"/>
      <c r="F67" s="803">
        <v>0</v>
      </c>
      <c r="G67" s="804"/>
      <c r="H67" s="674">
        <v>0</v>
      </c>
      <c r="I67" s="803">
        <v>0</v>
      </c>
      <c r="J67" s="804"/>
      <c r="K67" s="674">
        <v>0</v>
      </c>
      <c r="L67" s="675">
        <v>0</v>
      </c>
    </row>
    <row r="68" spans="1:12" ht="10.5" x14ac:dyDescent="0.2">
      <c r="A68" s="63" t="s">
        <v>34</v>
      </c>
      <c r="B68" s="803">
        <v>0</v>
      </c>
      <c r="C68" s="804"/>
      <c r="D68" s="803">
        <v>0</v>
      </c>
      <c r="E68" s="804"/>
      <c r="F68" s="803">
        <v>0</v>
      </c>
      <c r="G68" s="804"/>
      <c r="H68" s="674">
        <v>0</v>
      </c>
      <c r="I68" s="803">
        <v>0</v>
      </c>
      <c r="J68" s="804"/>
      <c r="K68" s="674">
        <v>0</v>
      </c>
      <c r="L68" s="675">
        <v>0</v>
      </c>
    </row>
    <row r="69" spans="1:12" ht="10.5" x14ac:dyDescent="0.2">
      <c r="A69" s="63" t="s">
        <v>35</v>
      </c>
      <c r="B69" s="803">
        <v>0</v>
      </c>
      <c r="C69" s="804"/>
      <c r="D69" s="803">
        <v>0</v>
      </c>
      <c r="E69" s="804"/>
      <c r="F69" s="803">
        <v>0</v>
      </c>
      <c r="G69" s="804"/>
      <c r="H69" s="674">
        <v>0</v>
      </c>
      <c r="I69" s="803">
        <v>0</v>
      </c>
      <c r="J69" s="804"/>
      <c r="K69" s="674">
        <v>0</v>
      </c>
      <c r="L69" s="675">
        <v>0</v>
      </c>
    </row>
    <row r="70" spans="1:12" ht="10.5" x14ac:dyDescent="0.2">
      <c r="A70" s="167" t="s">
        <v>50</v>
      </c>
      <c r="B70" s="803">
        <v>0</v>
      </c>
      <c r="C70" s="804"/>
      <c r="D70" s="803">
        <v>0</v>
      </c>
      <c r="E70" s="804">
        <v>0</v>
      </c>
      <c r="F70" s="803">
        <v>0</v>
      </c>
      <c r="G70" s="804"/>
      <c r="H70" s="674">
        <v>0</v>
      </c>
      <c r="I70" s="803">
        <v>0</v>
      </c>
      <c r="J70" s="804"/>
      <c r="K70" s="674">
        <v>0</v>
      </c>
      <c r="L70" s="675">
        <v>0</v>
      </c>
    </row>
    <row r="71" spans="1:12" ht="10.5" x14ac:dyDescent="0.2">
      <c r="A71" s="33" t="s">
        <v>51</v>
      </c>
      <c r="B71" s="803">
        <v>0</v>
      </c>
      <c r="C71" s="804"/>
      <c r="D71" s="803">
        <v>0</v>
      </c>
      <c r="E71" s="804"/>
      <c r="F71" s="803">
        <v>0</v>
      </c>
      <c r="G71" s="804"/>
      <c r="H71" s="674">
        <v>0</v>
      </c>
      <c r="I71" s="803">
        <v>0</v>
      </c>
      <c r="J71" s="804"/>
      <c r="K71" s="674">
        <v>0</v>
      </c>
      <c r="L71" s="675">
        <v>0</v>
      </c>
    </row>
    <row r="72" spans="1:12" ht="10.5" x14ac:dyDescent="0.2">
      <c r="A72" s="64" t="s">
        <v>52</v>
      </c>
      <c r="B72" s="803">
        <v>0</v>
      </c>
      <c r="C72" s="804"/>
      <c r="D72" s="803">
        <v>0</v>
      </c>
      <c r="E72" s="804"/>
      <c r="F72" s="803">
        <v>0</v>
      </c>
      <c r="G72" s="804"/>
      <c r="H72" s="674">
        <v>0</v>
      </c>
      <c r="I72" s="803">
        <v>0</v>
      </c>
      <c r="J72" s="804"/>
      <c r="K72" s="674">
        <v>0</v>
      </c>
      <c r="L72" s="675">
        <v>0</v>
      </c>
    </row>
    <row r="73" spans="1:12" ht="10.5" x14ac:dyDescent="0.2">
      <c r="A73" s="677" t="s">
        <v>53</v>
      </c>
      <c r="B73" s="809">
        <v>0</v>
      </c>
      <c r="C73" s="810"/>
      <c r="D73" s="809">
        <v>0</v>
      </c>
      <c r="E73" s="810"/>
      <c r="F73" s="809">
        <v>0</v>
      </c>
      <c r="G73" s="810"/>
      <c r="H73" s="678">
        <v>0</v>
      </c>
      <c r="I73" s="809">
        <v>0</v>
      </c>
      <c r="J73" s="810"/>
      <c r="K73" s="678">
        <v>0</v>
      </c>
      <c r="L73" s="679">
        <v>0</v>
      </c>
    </row>
    <row r="74" spans="1:12" ht="5.0999999999999996" customHeight="1" x14ac:dyDescent="0.2">
      <c r="F74" s="66"/>
      <c r="G74" s="66"/>
      <c r="H74" s="66"/>
      <c r="I74" s="66"/>
      <c r="J74" s="66"/>
      <c r="K74" s="66"/>
      <c r="L74" s="66"/>
    </row>
    <row r="75" spans="1:12" ht="5.0999999999999996" customHeight="1" x14ac:dyDescent="0.2">
      <c r="F75" s="66"/>
      <c r="G75" s="66"/>
      <c r="H75" s="66"/>
      <c r="I75" s="66"/>
      <c r="J75" s="66"/>
      <c r="K75" s="66"/>
      <c r="L75" s="66"/>
    </row>
    <row r="76" spans="1:12" ht="10.5" x14ac:dyDescent="0.2">
      <c r="A76" s="748" t="s">
        <v>541</v>
      </c>
      <c r="B76" s="658" t="s">
        <v>157</v>
      </c>
      <c r="C76" s="658" t="s">
        <v>157</v>
      </c>
      <c r="D76" s="730" t="s">
        <v>158</v>
      </c>
      <c r="E76" s="740"/>
      <c r="F76" s="791" t="s">
        <v>161</v>
      </c>
      <c r="G76" s="730" t="s">
        <v>159</v>
      </c>
      <c r="H76" s="731"/>
      <c r="I76" s="811" t="s">
        <v>161</v>
      </c>
      <c r="J76" s="813" t="s">
        <v>538</v>
      </c>
      <c r="K76" s="732" t="s">
        <v>641</v>
      </c>
      <c r="L76" s="733"/>
    </row>
    <row r="77" spans="1:12" ht="10.5" x14ac:dyDescent="0.2">
      <c r="A77" s="749"/>
      <c r="B77" s="659" t="s">
        <v>111</v>
      </c>
      <c r="C77" s="659" t="s">
        <v>112</v>
      </c>
      <c r="D77" s="69" t="s">
        <v>433</v>
      </c>
      <c r="E77" s="69" t="s">
        <v>434</v>
      </c>
      <c r="F77" s="792"/>
      <c r="G77" s="69" t="s">
        <v>433</v>
      </c>
      <c r="H77" s="70" t="s">
        <v>434</v>
      </c>
      <c r="I77" s="812"/>
      <c r="J77" s="814"/>
      <c r="K77" s="734"/>
      <c r="L77" s="735"/>
    </row>
    <row r="78" spans="1:12" ht="10.5" x14ac:dyDescent="0.2">
      <c r="A78" s="749"/>
      <c r="B78" s="659"/>
      <c r="C78" s="659"/>
      <c r="D78" s="70" t="s">
        <v>121</v>
      </c>
      <c r="E78" s="70" t="s">
        <v>121</v>
      </c>
      <c r="F78" s="792"/>
      <c r="G78" s="70" t="s">
        <v>121</v>
      </c>
      <c r="H78" s="70" t="s">
        <v>121</v>
      </c>
      <c r="I78" s="812"/>
      <c r="J78" s="814"/>
      <c r="K78" s="734"/>
      <c r="L78" s="735"/>
    </row>
    <row r="79" spans="1:12" s="589" customFormat="1" ht="10.5" x14ac:dyDescent="0.2">
      <c r="A79" s="750"/>
      <c r="B79" s="586" t="s">
        <v>162</v>
      </c>
      <c r="C79" s="586" t="s">
        <v>163</v>
      </c>
      <c r="D79" s="588"/>
      <c r="E79" s="586" t="s">
        <v>233</v>
      </c>
      <c r="F79" s="587" t="s">
        <v>543</v>
      </c>
      <c r="G79" s="588"/>
      <c r="H79" s="586" t="s">
        <v>165</v>
      </c>
      <c r="I79" s="586" t="s">
        <v>544</v>
      </c>
      <c r="J79" s="586" t="s">
        <v>350</v>
      </c>
      <c r="K79" s="736"/>
      <c r="L79" s="737"/>
    </row>
    <row r="80" spans="1:12" ht="10.5" x14ac:dyDescent="0.2">
      <c r="A80" s="172" t="s">
        <v>880</v>
      </c>
      <c r="B80" s="357">
        <v>931270300</v>
      </c>
      <c r="C80" s="357">
        <v>1041198127.25</v>
      </c>
      <c r="D80" s="357">
        <v>281513802.75</v>
      </c>
      <c r="E80" s="357">
        <v>584299333.63</v>
      </c>
      <c r="F80" s="357">
        <v>456898793.62</v>
      </c>
      <c r="G80" s="357">
        <v>260445361.88999999</v>
      </c>
      <c r="H80" s="357">
        <v>483487584.68000001</v>
      </c>
      <c r="I80" s="357">
        <v>557710542.56999993</v>
      </c>
      <c r="J80" s="357">
        <v>429323391.08000004</v>
      </c>
      <c r="K80" s="817">
        <v>0</v>
      </c>
      <c r="L80" s="818"/>
    </row>
    <row r="81" spans="1:12" ht="10.5" x14ac:dyDescent="0.2">
      <c r="A81" s="72" t="s">
        <v>86</v>
      </c>
      <c r="B81" s="357">
        <v>931270300</v>
      </c>
      <c r="C81" s="357">
        <v>1041198127.25</v>
      </c>
      <c r="D81" s="357">
        <v>281513802.75</v>
      </c>
      <c r="E81" s="357">
        <v>584299333.63</v>
      </c>
      <c r="F81" s="357">
        <v>456898793.62</v>
      </c>
      <c r="G81" s="357">
        <v>260445361.88999999</v>
      </c>
      <c r="H81" s="357">
        <v>483487584.68000001</v>
      </c>
      <c r="I81" s="357">
        <v>557710542.56999993</v>
      </c>
      <c r="J81" s="357">
        <v>429323391.08000004</v>
      </c>
      <c r="K81" s="728">
        <v>0</v>
      </c>
      <c r="L81" s="729"/>
    </row>
    <row r="82" spans="1:12" s="52" customFormat="1" ht="10.5" x14ac:dyDescent="0.2">
      <c r="A82" s="72" t="s">
        <v>87</v>
      </c>
      <c r="B82" s="345">
        <v>710980400</v>
      </c>
      <c r="C82" s="345">
        <v>790389471.41999996</v>
      </c>
      <c r="D82" s="345">
        <v>205988291.59</v>
      </c>
      <c r="E82" s="345">
        <v>436484176.74000001</v>
      </c>
      <c r="F82" s="345">
        <v>353905294.67999995</v>
      </c>
      <c r="G82" s="346">
        <v>190186940.90000001</v>
      </c>
      <c r="H82" s="346">
        <v>363345660.48000002</v>
      </c>
      <c r="I82" s="346">
        <v>427043810.93999994</v>
      </c>
      <c r="J82" s="345">
        <v>317161586.18000001</v>
      </c>
      <c r="K82" s="728"/>
      <c r="L82" s="729"/>
    </row>
    <row r="83" spans="1:12" ht="10.5" x14ac:dyDescent="0.2">
      <c r="A83" s="72" t="s">
        <v>88</v>
      </c>
      <c r="B83" s="345">
        <v>0</v>
      </c>
      <c r="C83" s="345">
        <v>0</v>
      </c>
      <c r="D83" s="345">
        <v>0</v>
      </c>
      <c r="E83" s="345">
        <v>0</v>
      </c>
      <c r="F83" s="345">
        <v>0</v>
      </c>
      <c r="G83" s="346">
        <v>0</v>
      </c>
      <c r="H83" s="346">
        <v>0</v>
      </c>
      <c r="I83" s="346">
        <v>0</v>
      </c>
      <c r="J83" s="345">
        <v>0</v>
      </c>
      <c r="K83" s="728"/>
      <c r="L83" s="729"/>
    </row>
    <row r="84" spans="1:12" ht="10.5" x14ac:dyDescent="0.2">
      <c r="A84" s="72" t="s">
        <v>89</v>
      </c>
      <c r="B84" s="359">
        <v>220289900</v>
      </c>
      <c r="C84" s="359">
        <v>250808655.83000001</v>
      </c>
      <c r="D84" s="359">
        <v>75525511.159999996</v>
      </c>
      <c r="E84" s="359">
        <v>147815156.88999999</v>
      </c>
      <c r="F84" s="359">
        <v>102993498.94000003</v>
      </c>
      <c r="G84" s="359">
        <v>70258420.989999995</v>
      </c>
      <c r="H84" s="359">
        <v>120141924.2</v>
      </c>
      <c r="I84" s="359">
        <v>130666731.63000001</v>
      </c>
      <c r="J84" s="359">
        <v>112161804.90000001</v>
      </c>
      <c r="K84" s="728">
        <v>0</v>
      </c>
      <c r="L84" s="729"/>
    </row>
    <row r="85" spans="1:12" ht="10.5" x14ac:dyDescent="0.2">
      <c r="A85" s="73" t="s">
        <v>741</v>
      </c>
      <c r="B85" s="345">
        <v>0</v>
      </c>
      <c r="C85" s="345">
        <v>0</v>
      </c>
      <c r="D85" s="345">
        <v>0</v>
      </c>
      <c r="E85" s="345">
        <v>0</v>
      </c>
      <c r="F85" s="345">
        <v>0</v>
      </c>
      <c r="G85" s="346">
        <v>0</v>
      </c>
      <c r="H85" s="346">
        <v>0</v>
      </c>
      <c r="I85" s="346">
        <v>0</v>
      </c>
      <c r="J85" s="345">
        <v>0</v>
      </c>
      <c r="K85" s="728"/>
      <c r="L85" s="729"/>
    </row>
    <row r="86" spans="1:12" ht="10.5" x14ac:dyDescent="0.2">
      <c r="A86" s="73" t="s">
        <v>742</v>
      </c>
      <c r="B86" s="345">
        <v>220289900</v>
      </c>
      <c r="C86" s="345">
        <v>250808655.83000001</v>
      </c>
      <c r="D86" s="345">
        <v>75525511.159999996</v>
      </c>
      <c r="E86" s="345">
        <v>147815156.88999999</v>
      </c>
      <c r="F86" s="345">
        <v>102993498.94000003</v>
      </c>
      <c r="G86" s="346">
        <v>70258420.989999995</v>
      </c>
      <c r="H86" s="346">
        <v>120141924.2</v>
      </c>
      <c r="I86" s="346">
        <v>130666731.63000001</v>
      </c>
      <c r="J86" s="345">
        <v>112161804.90000001</v>
      </c>
      <c r="K86" s="728"/>
      <c r="L86" s="729"/>
    </row>
    <row r="87" spans="1:12" s="52" customFormat="1" ht="10.5" x14ac:dyDescent="0.2">
      <c r="A87" s="72" t="s">
        <v>90</v>
      </c>
      <c r="B87" s="357">
        <v>0</v>
      </c>
      <c r="C87" s="357">
        <v>0</v>
      </c>
      <c r="D87" s="357">
        <v>0</v>
      </c>
      <c r="E87" s="357">
        <v>0</v>
      </c>
      <c r="F87" s="357">
        <v>0</v>
      </c>
      <c r="G87" s="357">
        <v>0</v>
      </c>
      <c r="H87" s="357">
        <v>0</v>
      </c>
      <c r="I87" s="357">
        <v>0</v>
      </c>
      <c r="J87" s="357">
        <v>0</v>
      </c>
      <c r="K87" s="744">
        <v>0</v>
      </c>
      <c r="L87" s="745"/>
    </row>
    <row r="88" spans="1:12" ht="10.5" x14ac:dyDescent="0.2">
      <c r="A88" s="66" t="s">
        <v>91</v>
      </c>
      <c r="B88" s="345">
        <v>0</v>
      </c>
      <c r="C88" s="345">
        <v>0</v>
      </c>
      <c r="D88" s="345">
        <v>0</v>
      </c>
      <c r="E88" s="345">
        <v>0</v>
      </c>
      <c r="F88" s="345">
        <v>0</v>
      </c>
      <c r="G88" s="346">
        <v>0</v>
      </c>
      <c r="H88" s="346">
        <v>0</v>
      </c>
      <c r="I88" s="346">
        <v>0</v>
      </c>
      <c r="J88" s="345">
        <v>0</v>
      </c>
      <c r="K88" s="728"/>
      <c r="L88" s="729"/>
    </row>
    <row r="89" spans="1:12" ht="10.5" x14ac:dyDescent="0.2">
      <c r="A89" s="66" t="s">
        <v>92</v>
      </c>
      <c r="B89" s="345">
        <v>0</v>
      </c>
      <c r="C89" s="345">
        <v>0</v>
      </c>
      <c r="D89" s="345">
        <v>0</v>
      </c>
      <c r="E89" s="345">
        <v>0</v>
      </c>
      <c r="F89" s="345">
        <v>0</v>
      </c>
      <c r="G89" s="346">
        <v>0</v>
      </c>
      <c r="H89" s="346">
        <v>0</v>
      </c>
      <c r="I89" s="346">
        <v>0</v>
      </c>
      <c r="J89" s="345">
        <v>0</v>
      </c>
      <c r="K89" s="728"/>
      <c r="L89" s="729"/>
    </row>
    <row r="90" spans="1:12" ht="10.5" x14ac:dyDescent="0.2">
      <c r="A90" s="66" t="s">
        <v>93</v>
      </c>
      <c r="B90" s="345">
        <v>0</v>
      </c>
      <c r="C90" s="345">
        <v>0</v>
      </c>
      <c r="D90" s="345">
        <v>0</v>
      </c>
      <c r="E90" s="345">
        <v>0</v>
      </c>
      <c r="F90" s="345">
        <v>0</v>
      </c>
      <c r="G90" s="346">
        <v>0</v>
      </c>
      <c r="H90" s="346">
        <v>0</v>
      </c>
      <c r="I90" s="346">
        <v>0</v>
      </c>
      <c r="J90" s="345">
        <v>0</v>
      </c>
      <c r="K90" s="815"/>
      <c r="L90" s="816"/>
    </row>
    <row r="91" spans="1:12" ht="21" x14ac:dyDescent="0.2">
      <c r="A91" s="175" t="s">
        <v>877</v>
      </c>
      <c r="B91" s="175"/>
      <c r="C91" s="175"/>
      <c r="D91" s="175"/>
      <c r="E91" s="175"/>
      <c r="F91" s="175"/>
      <c r="G91" s="175"/>
      <c r="H91" s="175"/>
      <c r="I91" s="705"/>
      <c r="J91" s="175"/>
      <c r="K91" s="175"/>
    </row>
    <row r="92" spans="1:12" ht="10.5" x14ac:dyDescent="0.2">
      <c r="D92" s="228"/>
      <c r="I92" s="228"/>
      <c r="J92" s="228"/>
    </row>
    <row r="93" spans="1:12" ht="10.5" x14ac:dyDescent="0.2">
      <c r="D93" s="228"/>
      <c r="J93" s="228"/>
    </row>
    <row r="94" spans="1:12" ht="10.5" x14ac:dyDescent="0.2">
      <c r="D94" s="228"/>
    </row>
    <row r="95" spans="1:12" ht="10.5" x14ac:dyDescent="0.2">
      <c r="D95" s="228"/>
      <c r="J95" s="228"/>
    </row>
    <row r="96" spans="1:12" ht="10.5" x14ac:dyDescent="0.2">
      <c r="B96" s="228"/>
      <c r="C96" s="228"/>
      <c r="D96" s="228"/>
      <c r="E96" s="228"/>
      <c r="F96" s="228"/>
      <c r="G96" s="228"/>
      <c r="H96" s="228"/>
    </row>
    <row r="97" spans="2:8" ht="10.5" x14ac:dyDescent="0.2">
      <c r="B97" s="228"/>
      <c r="C97" s="228"/>
      <c r="D97" s="228"/>
      <c r="E97" s="228"/>
      <c r="F97" s="228"/>
      <c r="G97" s="228"/>
      <c r="H97" s="228"/>
    </row>
    <row r="98" spans="2:8" ht="10.5" x14ac:dyDescent="0.2">
      <c r="D98" s="228"/>
    </row>
  </sheetData>
  <customSheetViews>
    <customSheetView guid="{6DBFA32C-4AA4-4E1D-9A48-697377C64CC3}" showGridLines="0" fitToPage="1" topLeftCell="B1">
      <selection activeCell="D13" sqref="D13:E13"/>
      <pageMargins left="0.19685039370078741" right="0.19685039370078741" top="0.19685039370078741" bottom="0.19685039370078741" header="0" footer="0"/>
      <printOptions horizontalCentered="1"/>
      <pageSetup paperSize="9" scale="42" orientation="portrait" r:id="rId1"/>
    </customSheetView>
    <customSheetView guid="{82EDB5A4-4824-4632-A540-7A52C92F04C7}" showGridLines="0" fitToPage="1">
      <selection activeCell="A8" sqref="A8"/>
      <pageMargins left="0.19685039370078741" right="0.19685039370078741" top="0.19685039370078741" bottom="0.19685039370078741" header="0" footer="0"/>
      <printOptions horizontalCentered="1"/>
      <pageSetup paperSize="9" scale="42" orientation="portrait" r:id="rId2"/>
    </customSheetView>
    <customSheetView guid="{3AAF6A5F-F9AA-430B-9AD9-1261ECDF41B5}" showGridLines="0" fitToPage="1" topLeftCell="A65">
      <selection activeCell="A53" sqref="A53"/>
      <pageMargins left="0.19685039370078741" right="0.19685039370078741" top="0.19685039370078741" bottom="0.19685039370078741" header="0" footer="0"/>
      <printOptions horizontalCentered="1"/>
      <pageSetup paperSize="9" scale="42" orientation="portrait" r:id="rId3"/>
    </customSheetView>
    <customSheetView guid="{C779D862-DE28-46CD-A428-4AAA1056D1E1}" showGridLines="0" fitToPage="1">
      <selection activeCell="A53" sqref="A53"/>
      <pageMargins left="0.19685039370078741" right="0.19685039370078741" top="0.39370078740157483" bottom="0.19685039370078741" header="0" footer="0"/>
      <printOptions horizontalCentered="1"/>
      <pageSetup paperSize="9" scale="42" orientation="portrait" r:id="rId4"/>
    </customSheetView>
    <customSheetView guid="{25EF1E0D-169B-4051-B414-7E1196FC05E4}" showGridLines="0" fitToPage="1" topLeftCell="B34">
      <selection activeCell="I19" sqref="I19:J19"/>
      <pageMargins left="0.19685039370078741" right="0.19685039370078741" top="0.19685039370078741" bottom="0.19685039370078741" header="0" footer="0"/>
      <printOptions horizontalCentered="1"/>
      <pageSetup paperSize="9" scale="42" orientation="portrait" r:id="rId5"/>
    </customSheetView>
  </customSheetViews>
  <mergeCells count="278">
    <mergeCell ref="K85:L85"/>
    <mergeCell ref="K86:L86"/>
    <mergeCell ref="K87:L87"/>
    <mergeCell ref="K88:L88"/>
    <mergeCell ref="K89:L89"/>
    <mergeCell ref="K90:L90"/>
    <mergeCell ref="K76:L79"/>
    <mergeCell ref="K80:L80"/>
    <mergeCell ref="K81:L81"/>
    <mergeCell ref="K82:L82"/>
    <mergeCell ref="K83:L83"/>
    <mergeCell ref="K84:L84"/>
    <mergeCell ref="B73:C73"/>
    <mergeCell ref="D73:E73"/>
    <mergeCell ref="F73:G73"/>
    <mergeCell ref="I73:J73"/>
    <mergeCell ref="A76:A79"/>
    <mergeCell ref="D76:E76"/>
    <mergeCell ref="F76:F78"/>
    <mergeCell ref="G76:H76"/>
    <mergeCell ref="I76:I78"/>
    <mergeCell ref="J76:J78"/>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s>
  <printOptions horizontalCentered="1"/>
  <pageMargins left="0.19685039370078741" right="0.19685039370078741" top="0.59055118110236227" bottom="0.19685039370078741" header="0" footer="0"/>
  <pageSetup paperSize="9" scale="42" orientation="portrait" r:id="rId6"/>
  <drawing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tabColor rgb="FF92D050"/>
    <pageSetUpPr fitToPage="1"/>
  </sheetPr>
  <dimension ref="A1:M181"/>
  <sheetViews>
    <sheetView showGridLines="0" zoomScaleNormal="80" workbookViewId="0"/>
  </sheetViews>
  <sheetFormatPr defaultColWidth="9.140625" defaultRowHeight="11.25" customHeight="1" x14ac:dyDescent="0.2"/>
  <cols>
    <col min="1" max="1" width="45.28515625" style="66" customWidth="1"/>
    <col min="2" max="2" width="21.140625" style="53" customWidth="1"/>
    <col min="3" max="3" width="19.7109375" style="53" customWidth="1"/>
    <col min="4" max="4" width="19.28515625" style="53" customWidth="1"/>
    <col min="5" max="5" width="18.7109375" style="53" customWidth="1"/>
    <col min="6" max="6" width="10.5703125" style="53" customWidth="1"/>
    <col min="7" max="9" width="18.7109375" style="53" customWidth="1"/>
    <col min="10" max="10" width="14.85546875" style="53" customWidth="1"/>
    <col min="11" max="11" width="20.5703125" style="53" customWidth="1"/>
    <col min="12" max="12" width="16.42578125" style="53" customWidth="1"/>
    <col min="13" max="13" width="15.42578125" style="243" customWidth="1"/>
    <col min="14" max="14" width="15.42578125" style="212" customWidth="1"/>
    <col min="15" max="15" width="22" style="212" customWidth="1"/>
    <col min="16" max="16" width="13.42578125" style="212" customWidth="1"/>
    <col min="17" max="16384" width="9.140625" style="212"/>
  </cols>
  <sheetData>
    <row r="1" spans="1:13" s="30" customFormat="1" ht="10.5" x14ac:dyDescent="0.2">
      <c r="A1" s="146"/>
      <c r="M1" s="129"/>
    </row>
    <row r="2" spans="1:13" s="30" customFormat="1" ht="11.25" customHeight="1" x14ac:dyDescent="0.2">
      <c r="A2" s="146"/>
      <c r="M2" s="129"/>
    </row>
    <row r="3" spans="1:13" s="53" customFormat="1" ht="10.5" x14ac:dyDescent="0.2">
      <c r="A3" s="757" t="s">
        <v>643</v>
      </c>
      <c r="B3" s="757"/>
      <c r="C3" s="757"/>
      <c r="D3" s="757"/>
      <c r="E3" s="757"/>
      <c r="F3" s="757"/>
      <c r="G3" s="757"/>
      <c r="H3" s="757"/>
      <c r="I3" s="757"/>
      <c r="J3" s="757"/>
      <c r="K3" s="757"/>
      <c r="L3" s="757"/>
      <c r="M3" s="66"/>
    </row>
    <row r="4" spans="1:13" s="53" customFormat="1" ht="10.5" x14ac:dyDescent="0.2">
      <c r="A4" s="757" t="s">
        <v>105</v>
      </c>
      <c r="B4" s="757"/>
      <c r="C4" s="757"/>
      <c r="D4" s="757"/>
      <c r="E4" s="757"/>
      <c r="F4" s="757"/>
      <c r="G4" s="757"/>
      <c r="H4" s="757"/>
      <c r="I4" s="757"/>
      <c r="J4" s="757"/>
      <c r="K4" s="757"/>
      <c r="L4" s="757"/>
      <c r="M4" s="66"/>
    </row>
    <row r="5" spans="1:13" s="53" customFormat="1" ht="10.5" x14ac:dyDescent="0.2">
      <c r="A5" s="757" t="s">
        <v>168</v>
      </c>
      <c r="B5" s="757"/>
      <c r="C5" s="757"/>
      <c r="D5" s="757"/>
      <c r="E5" s="757"/>
      <c r="F5" s="757"/>
      <c r="G5" s="757"/>
      <c r="H5" s="757"/>
      <c r="I5" s="757"/>
      <c r="J5" s="757"/>
      <c r="K5" s="757"/>
      <c r="L5" s="757"/>
      <c r="M5" s="66"/>
    </row>
    <row r="6" spans="1:13" s="53" customFormat="1" ht="10.5" x14ac:dyDescent="0.2">
      <c r="A6" s="757" t="s">
        <v>107</v>
      </c>
      <c r="B6" s="757"/>
      <c r="C6" s="757"/>
      <c r="D6" s="757"/>
      <c r="E6" s="757"/>
      <c r="F6" s="757"/>
      <c r="G6" s="757"/>
      <c r="H6" s="757"/>
      <c r="I6" s="757"/>
      <c r="J6" s="757"/>
      <c r="K6" s="757"/>
      <c r="L6" s="757"/>
      <c r="M6" s="66"/>
    </row>
    <row r="7" spans="1:13" s="53" customFormat="1" ht="10.5" x14ac:dyDescent="0.2">
      <c r="A7" s="757" t="s">
        <v>869</v>
      </c>
      <c r="B7" s="757"/>
      <c r="C7" s="757"/>
      <c r="D7" s="757"/>
      <c r="E7" s="757"/>
      <c r="F7" s="757"/>
      <c r="G7" s="757"/>
      <c r="H7" s="757"/>
      <c r="I7" s="757"/>
      <c r="J7" s="757"/>
      <c r="K7" s="757"/>
      <c r="L7" s="757"/>
      <c r="M7" s="66"/>
    </row>
    <row r="8" spans="1:13" s="30" customFormat="1" ht="10.5" x14ac:dyDescent="0.2">
      <c r="A8" s="35"/>
      <c r="B8" s="54"/>
      <c r="C8" s="54"/>
      <c r="D8" s="54"/>
      <c r="E8" s="54"/>
      <c r="F8" s="54"/>
      <c r="G8" s="54"/>
      <c r="H8" s="54"/>
      <c r="I8" s="54"/>
      <c r="J8" s="54"/>
      <c r="K8" s="54"/>
      <c r="L8" s="54"/>
      <c r="M8" s="129"/>
    </row>
    <row r="9" spans="1:13" s="30" customFormat="1" ht="10.5" x14ac:dyDescent="0.2">
      <c r="A9" s="129" t="s">
        <v>364</v>
      </c>
      <c r="B9" s="129"/>
      <c r="L9" s="254">
        <v>1</v>
      </c>
      <c r="M9" s="129"/>
    </row>
    <row r="10" spans="1:13" ht="20.100000000000001" customHeight="1" x14ac:dyDescent="0.2">
      <c r="A10" s="126"/>
      <c r="B10" s="208" t="s">
        <v>157</v>
      </c>
      <c r="C10" s="208" t="s">
        <v>157</v>
      </c>
      <c r="D10" s="766" t="s">
        <v>158</v>
      </c>
      <c r="E10" s="767"/>
      <c r="F10" s="768"/>
      <c r="G10" s="791" t="s">
        <v>161</v>
      </c>
      <c r="H10" s="820" t="s">
        <v>159</v>
      </c>
      <c r="I10" s="821"/>
      <c r="J10" s="822"/>
      <c r="K10" s="791" t="s">
        <v>161</v>
      </c>
      <c r="L10" s="732" t="s">
        <v>737</v>
      </c>
    </row>
    <row r="11" spans="1:13" ht="20.100000000000001" customHeight="1" x14ac:dyDescent="0.15">
      <c r="A11" s="701" t="s">
        <v>169</v>
      </c>
      <c r="B11" s="210" t="s">
        <v>111</v>
      </c>
      <c r="C11" s="210" t="s">
        <v>112</v>
      </c>
      <c r="D11" s="823" t="s">
        <v>113</v>
      </c>
      <c r="E11" s="224" t="s">
        <v>115</v>
      </c>
      <c r="F11" s="224" t="s">
        <v>114</v>
      </c>
      <c r="G11" s="792"/>
      <c r="H11" s="823" t="s">
        <v>113</v>
      </c>
      <c r="I11" s="224" t="s">
        <v>115</v>
      </c>
      <c r="J11" s="224" t="s">
        <v>114</v>
      </c>
      <c r="K11" s="792"/>
      <c r="L11" s="734"/>
    </row>
    <row r="12" spans="1:13" s="21" customFormat="1" ht="20.100000000000001" customHeight="1" x14ac:dyDescent="0.2">
      <c r="A12" s="58"/>
      <c r="B12" s="127"/>
      <c r="C12" s="591" t="s">
        <v>116</v>
      </c>
      <c r="D12" s="824"/>
      <c r="E12" s="591" t="s">
        <v>117</v>
      </c>
      <c r="F12" s="591" t="s">
        <v>59</v>
      </c>
      <c r="G12" s="592" t="s">
        <v>280</v>
      </c>
      <c r="H12" s="824"/>
      <c r="I12" s="591" t="s">
        <v>162</v>
      </c>
      <c r="J12" s="591" t="s">
        <v>546</v>
      </c>
      <c r="K12" s="592" t="s">
        <v>545</v>
      </c>
      <c r="L12" s="736"/>
      <c r="M12" s="596"/>
    </row>
    <row r="13" spans="1:13" s="21" customFormat="1" ht="15" customHeight="1" x14ac:dyDescent="0.2">
      <c r="A13" s="161" t="s">
        <v>220</v>
      </c>
      <c r="B13" s="358">
        <v>12125839700</v>
      </c>
      <c r="C13" s="358">
        <v>12170149204.750002</v>
      </c>
      <c r="D13" s="358">
        <v>1950669322.8</v>
      </c>
      <c r="E13" s="358">
        <v>4574315231.4699993</v>
      </c>
      <c r="F13" s="358">
        <v>88.673328347052546</v>
      </c>
      <c r="G13" s="358">
        <v>7595833973.2800007</v>
      </c>
      <c r="H13" s="358">
        <v>1968444589.2399998</v>
      </c>
      <c r="I13" s="358">
        <v>3560501687.6699991</v>
      </c>
      <c r="J13" s="358">
        <v>88.044291116552813</v>
      </c>
      <c r="K13" s="358">
        <v>8609647517.0800018</v>
      </c>
      <c r="L13" s="375"/>
      <c r="M13" s="596"/>
    </row>
    <row r="14" spans="1:13" s="21" customFormat="1" ht="10.5" x14ac:dyDescent="0.2">
      <c r="A14" s="161"/>
      <c r="B14" s="345"/>
      <c r="C14" s="345"/>
      <c r="D14" s="459"/>
      <c r="E14" s="459"/>
      <c r="F14" s="482"/>
      <c r="G14" s="459"/>
      <c r="H14" s="459"/>
      <c r="I14" s="459"/>
      <c r="J14" s="483"/>
      <c r="K14" s="482"/>
      <c r="L14" s="483"/>
      <c r="M14" s="596"/>
    </row>
    <row r="15" spans="1:13" s="209" customFormat="1" ht="10.5" x14ac:dyDescent="0.2">
      <c r="A15" s="161" t="s">
        <v>644</v>
      </c>
      <c r="B15" s="358">
        <v>336717000</v>
      </c>
      <c r="C15" s="358">
        <v>338117000</v>
      </c>
      <c r="D15" s="358">
        <v>43607934.949999988</v>
      </c>
      <c r="E15" s="358">
        <v>201199570.65999997</v>
      </c>
      <c r="F15" s="358">
        <v>3.9002636874867922</v>
      </c>
      <c r="G15" s="358">
        <v>136917429.34000003</v>
      </c>
      <c r="H15" s="358">
        <v>45771577.179999992</v>
      </c>
      <c r="I15" s="358">
        <v>104201078.09999999</v>
      </c>
      <c r="J15" s="358">
        <v>2.5766902699879766</v>
      </c>
      <c r="K15" s="358">
        <v>233915921.90000001</v>
      </c>
      <c r="L15" s="375"/>
      <c r="M15" s="597"/>
    </row>
    <row r="16" spans="1:13" s="305" customFormat="1" ht="10.5" customHeight="1" x14ac:dyDescent="0.2">
      <c r="A16" s="703" t="s">
        <v>645</v>
      </c>
      <c r="B16" s="460">
        <v>191424000</v>
      </c>
      <c r="C16" s="345">
        <v>191424000</v>
      </c>
      <c r="D16" s="345">
        <v>35846074.179999992</v>
      </c>
      <c r="E16" s="345">
        <v>92701071.51000002</v>
      </c>
      <c r="F16" s="345">
        <v>1.7970148833595405</v>
      </c>
      <c r="G16" s="345">
        <v>98722928.48999998</v>
      </c>
      <c r="H16" s="345">
        <v>22187359.23</v>
      </c>
      <c r="I16" s="345">
        <v>59528244.630000003</v>
      </c>
      <c r="J16" s="345">
        <v>1.4720178670357253</v>
      </c>
      <c r="K16" s="345">
        <v>131895755.37</v>
      </c>
      <c r="L16" s="346"/>
      <c r="M16" s="243"/>
    </row>
    <row r="17" spans="1:13" s="305" customFormat="1" ht="10.5" customHeight="1" x14ac:dyDescent="0.2">
      <c r="A17" s="703" t="s">
        <v>646</v>
      </c>
      <c r="B17" s="460">
        <v>145293000</v>
      </c>
      <c r="C17" s="345">
        <v>146693000</v>
      </c>
      <c r="D17" s="345">
        <v>7761860.7699999986</v>
      </c>
      <c r="E17" s="345">
        <v>108498499.14999996</v>
      </c>
      <c r="F17" s="345">
        <v>2.1032488041272517</v>
      </c>
      <c r="G17" s="345">
        <v>38194500.850000039</v>
      </c>
      <c r="H17" s="345">
        <v>23584217.949999992</v>
      </c>
      <c r="I17" s="345">
        <v>44672833.469999999</v>
      </c>
      <c r="J17" s="345">
        <v>1.1046724029522514</v>
      </c>
      <c r="K17" s="345">
        <v>102020166.53</v>
      </c>
      <c r="L17" s="346"/>
      <c r="M17" s="243"/>
    </row>
    <row r="18" spans="1:13" ht="10.5" x14ac:dyDescent="0.2">
      <c r="A18" s="703"/>
      <c r="B18" s="460"/>
      <c r="C18" s="358"/>
      <c r="D18" s="358"/>
      <c r="E18" s="358"/>
      <c r="F18" s="358"/>
      <c r="G18" s="358"/>
      <c r="H18" s="358"/>
      <c r="I18" s="358"/>
      <c r="J18" s="358"/>
      <c r="K18" s="358"/>
      <c r="L18" s="375"/>
    </row>
    <row r="19" spans="1:13" s="76" customFormat="1" ht="10.5" x14ac:dyDescent="0.2">
      <c r="A19" s="161" t="s">
        <v>647</v>
      </c>
      <c r="B19" s="358">
        <v>576015000</v>
      </c>
      <c r="C19" s="358">
        <v>610074500</v>
      </c>
      <c r="D19" s="358">
        <v>18864192.549999997</v>
      </c>
      <c r="E19" s="358">
        <v>487403776.10999995</v>
      </c>
      <c r="F19" s="358">
        <v>9.4483464495966203</v>
      </c>
      <c r="G19" s="358">
        <v>122670723.89000002</v>
      </c>
      <c r="H19" s="358">
        <v>91292643.109999955</v>
      </c>
      <c r="I19" s="358">
        <v>209998265.04999998</v>
      </c>
      <c r="J19" s="358">
        <v>5.1928492116886371</v>
      </c>
      <c r="K19" s="358">
        <v>400076234.94999999</v>
      </c>
      <c r="L19" s="375"/>
      <c r="M19" s="819"/>
    </row>
    <row r="20" spans="1:13" s="305" customFormat="1" ht="10.5" x14ac:dyDescent="0.2">
      <c r="A20" s="703" t="s">
        <v>648</v>
      </c>
      <c r="B20" s="345">
        <v>564705000</v>
      </c>
      <c r="C20" s="345">
        <v>598764500</v>
      </c>
      <c r="D20" s="345">
        <v>18590455.269999996</v>
      </c>
      <c r="E20" s="345">
        <v>482419796.89999998</v>
      </c>
      <c r="F20" s="345">
        <v>9.3517317646438336</v>
      </c>
      <c r="G20" s="345">
        <v>116344703.10000002</v>
      </c>
      <c r="H20" s="345">
        <v>90511507.669999957</v>
      </c>
      <c r="I20" s="345">
        <v>208983034.13</v>
      </c>
      <c r="J20" s="345">
        <v>5.1677445229363341</v>
      </c>
      <c r="K20" s="345">
        <v>389781465.87</v>
      </c>
      <c r="L20" s="346"/>
      <c r="M20" s="819"/>
    </row>
    <row r="21" spans="1:13" s="305" customFormat="1" ht="10.5" x14ac:dyDescent="0.2">
      <c r="A21" s="703" t="s">
        <v>656</v>
      </c>
      <c r="B21" s="345">
        <v>0</v>
      </c>
      <c r="C21" s="345">
        <v>0</v>
      </c>
      <c r="D21" s="345">
        <v>0</v>
      </c>
      <c r="E21" s="345">
        <v>0</v>
      </c>
      <c r="F21" s="345">
        <v>0</v>
      </c>
      <c r="G21" s="345">
        <v>0</v>
      </c>
      <c r="H21" s="345">
        <v>0</v>
      </c>
      <c r="I21" s="345">
        <v>0</v>
      </c>
      <c r="J21" s="345">
        <v>0</v>
      </c>
      <c r="K21" s="345">
        <v>0</v>
      </c>
      <c r="L21" s="346"/>
      <c r="M21" s="819"/>
    </row>
    <row r="22" spans="1:13" s="305" customFormat="1" ht="10.5" x14ac:dyDescent="0.2">
      <c r="A22" s="703" t="s">
        <v>821</v>
      </c>
      <c r="B22" s="345">
        <v>9229000</v>
      </c>
      <c r="C22" s="345">
        <v>9229000</v>
      </c>
      <c r="D22" s="345">
        <v>153672.71000000002</v>
      </c>
      <c r="E22" s="345">
        <v>4352082.09</v>
      </c>
      <c r="F22" s="345">
        <v>8.4365327842934809E-2</v>
      </c>
      <c r="G22" s="345">
        <v>4876917.91</v>
      </c>
      <c r="H22" s="345">
        <v>672160.47000000009</v>
      </c>
      <c r="I22" s="345">
        <v>832394.38000000012</v>
      </c>
      <c r="J22" s="345">
        <v>2.0583496244446966E-2</v>
      </c>
      <c r="K22" s="345">
        <v>8396605.6199999992</v>
      </c>
      <c r="L22" s="346"/>
      <c r="M22" s="627"/>
    </row>
    <row r="23" spans="1:13" s="305" customFormat="1" ht="10.5" x14ac:dyDescent="0.2">
      <c r="A23" s="703" t="s">
        <v>759</v>
      </c>
      <c r="B23" s="345">
        <v>2081000</v>
      </c>
      <c r="C23" s="345">
        <v>2081000</v>
      </c>
      <c r="D23" s="345">
        <v>120064.57</v>
      </c>
      <c r="E23" s="345">
        <v>631897.12</v>
      </c>
      <c r="F23" s="345">
        <v>1.2249357109853209E-2</v>
      </c>
      <c r="G23" s="345">
        <v>1449102.88</v>
      </c>
      <c r="H23" s="345">
        <v>108974.96999999999</v>
      </c>
      <c r="I23" s="345">
        <v>182836.53999999998</v>
      </c>
      <c r="J23" s="345">
        <v>4.5211925078562833E-3</v>
      </c>
      <c r="K23" s="345">
        <v>1898163.46</v>
      </c>
      <c r="L23" s="346"/>
      <c r="M23" s="243"/>
    </row>
    <row r="24" spans="1:13" ht="10.5" x14ac:dyDescent="0.2">
      <c r="A24" s="703"/>
      <c r="B24" s="345"/>
      <c r="C24" s="358"/>
      <c r="D24" s="358"/>
      <c r="E24" s="358"/>
      <c r="F24" s="358"/>
      <c r="G24" s="358"/>
      <c r="H24" s="358"/>
      <c r="I24" s="358"/>
      <c r="J24" s="358"/>
      <c r="K24" s="358"/>
      <c r="L24" s="375"/>
    </row>
    <row r="25" spans="1:13" s="76" customFormat="1" ht="10.5" x14ac:dyDescent="0.2">
      <c r="A25" s="182" t="s">
        <v>760</v>
      </c>
      <c r="B25" s="358">
        <v>423182600</v>
      </c>
      <c r="C25" s="358">
        <v>428451100</v>
      </c>
      <c r="D25" s="358">
        <v>64250129.18</v>
      </c>
      <c r="E25" s="358">
        <v>129857038.00999996</v>
      </c>
      <c r="F25" s="358">
        <v>2.5172851425755374</v>
      </c>
      <c r="G25" s="358">
        <v>298594061.99000001</v>
      </c>
      <c r="H25" s="358">
        <v>65042024.549999982</v>
      </c>
      <c r="I25" s="358">
        <v>123923908.29999998</v>
      </c>
      <c r="J25" s="358">
        <v>3.0643975528645919</v>
      </c>
      <c r="K25" s="358">
        <v>304527191.70000005</v>
      </c>
      <c r="L25" s="375"/>
      <c r="M25" s="176"/>
    </row>
    <row r="26" spans="1:13" s="76" customFormat="1" ht="10.5" x14ac:dyDescent="0.2">
      <c r="A26" s="703" t="s">
        <v>648</v>
      </c>
      <c r="B26" s="345">
        <v>3610000</v>
      </c>
      <c r="C26" s="345">
        <v>3610000</v>
      </c>
      <c r="D26" s="345">
        <v>73591.3</v>
      </c>
      <c r="E26" s="345">
        <v>73691.3</v>
      </c>
      <c r="F26" s="459">
        <v>1.4285095168487646E-3</v>
      </c>
      <c r="G26" s="345">
        <v>3536308.7</v>
      </c>
      <c r="H26" s="345">
        <v>30979.25</v>
      </c>
      <c r="I26" s="345">
        <v>31021.1</v>
      </c>
      <c r="J26" s="459">
        <v>7.670915502199974E-4</v>
      </c>
      <c r="K26" s="345">
        <v>3578978.9</v>
      </c>
      <c r="L26" s="346"/>
      <c r="M26" s="176"/>
    </row>
    <row r="27" spans="1:13" s="305" customFormat="1" ht="10.5" x14ac:dyDescent="0.2">
      <c r="A27" s="703" t="s">
        <v>649</v>
      </c>
      <c r="B27" s="477">
        <v>253315600</v>
      </c>
      <c r="C27" s="345">
        <v>253315600</v>
      </c>
      <c r="D27" s="345">
        <v>36644273.160000004</v>
      </c>
      <c r="E27" s="345">
        <v>74059855.769999996</v>
      </c>
      <c r="F27" s="345">
        <v>1.4356539887868973</v>
      </c>
      <c r="G27" s="345">
        <v>179255744.23000002</v>
      </c>
      <c r="H27" s="345">
        <v>37596854.059999987</v>
      </c>
      <c r="I27" s="345">
        <v>71374873.939999998</v>
      </c>
      <c r="J27" s="345">
        <v>1.764961999973937</v>
      </c>
      <c r="K27" s="345">
        <v>181940726.06</v>
      </c>
      <c r="L27" s="346"/>
      <c r="M27" s="243"/>
    </row>
    <row r="28" spans="1:13" s="305" customFormat="1" ht="10.5" x14ac:dyDescent="0.2">
      <c r="A28" s="703" t="s">
        <v>650</v>
      </c>
      <c r="B28" s="345">
        <v>43485000</v>
      </c>
      <c r="C28" s="345">
        <v>44053500</v>
      </c>
      <c r="D28" s="345">
        <v>7619199.0200000014</v>
      </c>
      <c r="E28" s="345">
        <v>14585957.199999992</v>
      </c>
      <c r="F28" s="345">
        <v>0.28274950601426152</v>
      </c>
      <c r="G28" s="345">
        <v>29467542.800000008</v>
      </c>
      <c r="H28" s="345">
        <v>6719415.7300000004</v>
      </c>
      <c r="I28" s="345">
        <v>13230613.639999993</v>
      </c>
      <c r="J28" s="345">
        <v>0.32716737728415296</v>
      </c>
      <c r="K28" s="345">
        <v>30822886.360000007</v>
      </c>
      <c r="L28" s="346"/>
      <c r="M28" s="243"/>
    </row>
    <row r="29" spans="1:13" s="305" customFormat="1" ht="10.5" x14ac:dyDescent="0.2">
      <c r="A29" s="703" t="s">
        <v>653</v>
      </c>
      <c r="B29" s="345">
        <v>358000</v>
      </c>
      <c r="C29" s="345">
        <v>358000</v>
      </c>
      <c r="D29" s="345">
        <v>151741.94</v>
      </c>
      <c r="E29" s="345">
        <v>151741.94</v>
      </c>
      <c r="F29" s="345">
        <v>2.9415250564869154E-3</v>
      </c>
      <c r="G29" s="345">
        <v>206258.06</v>
      </c>
      <c r="H29" s="345">
        <v>21395.119999999999</v>
      </c>
      <c r="I29" s="345">
        <v>21395.119999999999</v>
      </c>
      <c r="J29" s="345">
        <v>5.2905976151531925E-4</v>
      </c>
      <c r="K29" s="345">
        <v>336604.88</v>
      </c>
      <c r="L29" s="346"/>
      <c r="M29" s="243"/>
    </row>
    <row r="30" spans="1:13" s="305" customFormat="1" ht="10.5" x14ac:dyDescent="0.2">
      <c r="A30" s="703" t="s">
        <v>657</v>
      </c>
      <c r="B30" s="345">
        <v>12525000</v>
      </c>
      <c r="C30" s="345">
        <v>17225000</v>
      </c>
      <c r="D30" s="345">
        <v>2210921.0599999996</v>
      </c>
      <c r="E30" s="345">
        <v>5584593.4899999993</v>
      </c>
      <c r="F30" s="345">
        <v>0.10825762265283222</v>
      </c>
      <c r="G30" s="345">
        <v>11640406.510000002</v>
      </c>
      <c r="H30" s="345">
        <v>3076995.4300000006</v>
      </c>
      <c r="I30" s="345">
        <v>4313153.9899999993</v>
      </c>
      <c r="J30" s="345">
        <v>0.10665592066453694</v>
      </c>
      <c r="K30" s="345">
        <v>12911846.010000002</v>
      </c>
      <c r="L30" s="346"/>
      <c r="M30" s="243"/>
    </row>
    <row r="31" spans="1:13" s="305" customFormat="1" ht="10.5" x14ac:dyDescent="0.2">
      <c r="A31" s="703" t="s">
        <v>689</v>
      </c>
      <c r="B31" s="345">
        <v>109889000</v>
      </c>
      <c r="C31" s="345">
        <v>109889000</v>
      </c>
      <c r="D31" s="345">
        <v>17550402.699999996</v>
      </c>
      <c r="E31" s="345">
        <v>35401198.30999998</v>
      </c>
      <c r="F31" s="345">
        <v>0.6862539905482109</v>
      </c>
      <c r="G31" s="345">
        <v>74487801.690000027</v>
      </c>
      <c r="H31" s="345">
        <v>17596384.959999993</v>
      </c>
      <c r="I31" s="345">
        <v>34952850.509999998</v>
      </c>
      <c r="J31" s="345">
        <v>0.86431610363022993</v>
      </c>
      <c r="K31" s="345">
        <v>74936149.49000001</v>
      </c>
      <c r="L31" s="346"/>
      <c r="M31" s="243"/>
    </row>
    <row r="32" spans="1:13" s="305" customFormat="1" ht="10.5" x14ac:dyDescent="0.2">
      <c r="A32" s="703"/>
      <c r="B32" s="345"/>
      <c r="C32" s="345"/>
      <c r="D32" s="345"/>
      <c r="E32" s="345"/>
      <c r="F32" s="345"/>
      <c r="G32" s="345"/>
      <c r="H32" s="345"/>
      <c r="I32" s="345"/>
      <c r="J32" s="345"/>
      <c r="K32" s="345"/>
      <c r="L32" s="346"/>
      <c r="M32" s="243"/>
    </row>
    <row r="33" spans="1:13" s="76" customFormat="1" ht="10.5" x14ac:dyDescent="0.2">
      <c r="A33" s="161" t="s">
        <v>651</v>
      </c>
      <c r="B33" s="358">
        <v>778172500</v>
      </c>
      <c r="C33" s="358">
        <v>772108627</v>
      </c>
      <c r="D33" s="358">
        <v>102754997.68000002</v>
      </c>
      <c r="E33" s="358">
        <v>215970368.57000014</v>
      </c>
      <c r="F33" s="358">
        <v>4.18659633986075</v>
      </c>
      <c r="G33" s="358">
        <v>556138258.42999983</v>
      </c>
      <c r="H33" s="358">
        <v>101515425.56000002</v>
      </c>
      <c r="I33" s="358">
        <v>195075822.11000013</v>
      </c>
      <c r="J33" s="358">
        <v>4.8238461818826686</v>
      </c>
      <c r="K33" s="358">
        <v>577032804.88999987</v>
      </c>
      <c r="L33" s="375"/>
      <c r="M33" s="176"/>
    </row>
    <row r="34" spans="1:13" s="305" customFormat="1" ht="10.5" x14ac:dyDescent="0.2">
      <c r="A34" s="703" t="s">
        <v>652</v>
      </c>
      <c r="B34" s="345">
        <v>66000</v>
      </c>
      <c r="C34" s="345">
        <v>0</v>
      </c>
      <c r="D34" s="345">
        <v>0</v>
      </c>
      <c r="E34" s="345">
        <v>0</v>
      </c>
      <c r="F34" s="345">
        <v>0</v>
      </c>
      <c r="G34" s="345">
        <v>0</v>
      </c>
      <c r="H34" s="345">
        <v>0</v>
      </c>
      <c r="I34" s="345">
        <v>0</v>
      </c>
      <c r="J34" s="345">
        <v>0</v>
      </c>
      <c r="K34" s="345">
        <v>0</v>
      </c>
      <c r="L34" s="346"/>
      <c r="M34" s="243"/>
    </row>
    <row r="35" spans="1:13" s="305" customFormat="1" ht="10.5" x14ac:dyDescent="0.2">
      <c r="A35" s="703" t="s">
        <v>653</v>
      </c>
      <c r="B35" s="345">
        <v>370742100</v>
      </c>
      <c r="C35" s="345">
        <v>376255727</v>
      </c>
      <c r="D35" s="345">
        <v>27189675.870000016</v>
      </c>
      <c r="E35" s="345">
        <v>55193191.950000033</v>
      </c>
      <c r="F35" s="345">
        <v>1.0699227719667814</v>
      </c>
      <c r="G35" s="345">
        <v>321062535.04999995</v>
      </c>
      <c r="H35" s="345">
        <v>24220728.81000001</v>
      </c>
      <c r="I35" s="345">
        <v>47188708.519999981</v>
      </c>
      <c r="J35" s="345">
        <v>1.1668851063142951</v>
      </c>
      <c r="K35" s="345">
        <v>329067018.48000002</v>
      </c>
      <c r="L35" s="346"/>
      <c r="M35" s="243"/>
    </row>
    <row r="36" spans="1:13" s="305" customFormat="1" ht="10.5" x14ac:dyDescent="0.2">
      <c r="A36" s="703" t="s">
        <v>654</v>
      </c>
      <c r="B36" s="345">
        <v>404969700</v>
      </c>
      <c r="C36" s="345">
        <v>386758200</v>
      </c>
      <c r="D36" s="345">
        <v>75557668.710000008</v>
      </c>
      <c r="E36" s="345">
        <v>160769523.52000013</v>
      </c>
      <c r="F36" s="345">
        <v>3.1165252121697065</v>
      </c>
      <c r="G36" s="345">
        <v>225988676.47999987</v>
      </c>
      <c r="H36" s="345">
        <v>77287045.950000003</v>
      </c>
      <c r="I36" s="345">
        <v>147879462.79000014</v>
      </c>
      <c r="J36" s="345">
        <v>3.6567718861446448</v>
      </c>
      <c r="K36" s="345">
        <v>238878737.20999986</v>
      </c>
      <c r="L36" s="346"/>
      <c r="M36" s="243"/>
    </row>
    <row r="37" spans="1:13" s="305" customFormat="1" ht="10.5" x14ac:dyDescent="0.2">
      <c r="A37" s="703" t="s">
        <v>655</v>
      </c>
      <c r="B37" s="345">
        <v>0</v>
      </c>
      <c r="C37" s="345">
        <v>6700000</v>
      </c>
      <c r="D37" s="345">
        <v>0</v>
      </c>
      <c r="E37" s="345">
        <v>0</v>
      </c>
      <c r="F37" s="345">
        <v>0</v>
      </c>
      <c r="G37" s="345">
        <v>6700000</v>
      </c>
      <c r="H37" s="345">
        <v>0</v>
      </c>
      <c r="I37" s="345">
        <v>0</v>
      </c>
      <c r="J37" s="345">
        <v>0</v>
      </c>
      <c r="K37" s="345">
        <v>6700000</v>
      </c>
      <c r="L37" s="346"/>
      <c r="M37" s="243"/>
    </row>
    <row r="38" spans="1:13" s="305" customFormat="1" ht="10.5" x14ac:dyDescent="0.2">
      <c r="A38" s="703" t="s">
        <v>656</v>
      </c>
      <c r="B38" s="345">
        <v>0</v>
      </c>
      <c r="C38" s="345">
        <v>0</v>
      </c>
      <c r="D38" s="345">
        <v>0</v>
      </c>
      <c r="E38" s="345">
        <v>0</v>
      </c>
      <c r="F38" s="345">
        <v>0</v>
      </c>
      <c r="G38" s="345">
        <v>0</v>
      </c>
      <c r="H38" s="345">
        <v>0</v>
      </c>
      <c r="I38" s="345">
        <v>0</v>
      </c>
      <c r="J38" s="345">
        <v>0</v>
      </c>
      <c r="K38" s="345">
        <v>0</v>
      </c>
      <c r="L38" s="346"/>
      <c r="M38" s="243"/>
    </row>
    <row r="39" spans="1:13" s="305" customFormat="1" ht="10.5" x14ac:dyDescent="0.2">
      <c r="A39" s="703" t="s">
        <v>761</v>
      </c>
      <c r="B39" s="345">
        <v>2394700</v>
      </c>
      <c r="C39" s="345">
        <v>2394700</v>
      </c>
      <c r="D39" s="345">
        <v>7653.1</v>
      </c>
      <c r="E39" s="345">
        <v>7653.1</v>
      </c>
      <c r="F39" s="345">
        <v>1.4835572426318005E-4</v>
      </c>
      <c r="G39" s="345">
        <v>2387046.9</v>
      </c>
      <c r="H39" s="345">
        <v>7650.8</v>
      </c>
      <c r="I39" s="345">
        <v>7650.8</v>
      </c>
      <c r="J39" s="345">
        <v>1.8918942372846728E-4</v>
      </c>
      <c r="K39" s="345">
        <v>2387049.2000000002</v>
      </c>
      <c r="L39" s="346"/>
      <c r="M39" s="243"/>
    </row>
    <row r="40" spans="1:13" ht="10.5" x14ac:dyDescent="0.2">
      <c r="A40" s="703"/>
      <c r="B40" s="345"/>
      <c r="C40" s="358"/>
      <c r="D40" s="358"/>
      <c r="E40" s="358"/>
      <c r="F40" s="358"/>
      <c r="G40" s="358"/>
      <c r="H40" s="358"/>
      <c r="I40" s="358"/>
      <c r="J40" s="358"/>
      <c r="K40" s="358"/>
      <c r="L40" s="375"/>
    </row>
    <row r="41" spans="1:13" s="76" customFormat="1" ht="10.5" x14ac:dyDescent="0.2">
      <c r="A41" s="161" t="s">
        <v>660</v>
      </c>
      <c r="B41" s="358">
        <v>889668600</v>
      </c>
      <c r="C41" s="358">
        <v>916368600</v>
      </c>
      <c r="D41" s="358">
        <v>181464574.83000016</v>
      </c>
      <c r="E41" s="358">
        <v>388002370.36999971</v>
      </c>
      <c r="F41" s="358">
        <v>7.521445253828114</v>
      </c>
      <c r="G41" s="358">
        <v>528366229.63000029</v>
      </c>
      <c r="H41" s="358">
        <v>167187503.21000004</v>
      </c>
      <c r="I41" s="358">
        <v>330355983.23999929</v>
      </c>
      <c r="J41" s="358">
        <v>8.1690618098011516</v>
      </c>
      <c r="K41" s="358">
        <v>586012616.76000071</v>
      </c>
      <c r="L41" s="375"/>
      <c r="M41" s="176"/>
    </row>
    <row r="42" spans="1:13" s="305" customFormat="1" ht="10.5" x14ac:dyDescent="0.2">
      <c r="A42" s="703" t="s">
        <v>661</v>
      </c>
      <c r="B42" s="345">
        <v>845140500</v>
      </c>
      <c r="C42" s="345">
        <v>847918990</v>
      </c>
      <c r="D42" s="345">
        <v>169062907.97000015</v>
      </c>
      <c r="E42" s="345">
        <v>363991372.2499997</v>
      </c>
      <c r="F42" s="345">
        <v>7.0559908606574435</v>
      </c>
      <c r="G42" s="345">
        <v>483927617.7500003</v>
      </c>
      <c r="H42" s="345">
        <v>164104871.38000003</v>
      </c>
      <c r="I42" s="345">
        <v>327141144.28999931</v>
      </c>
      <c r="J42" s="345">
        <v>8.089565086800901</v>
      </c>
      <c r="K42" s="345">
        <v>520777845.71000069</v>
      </c>
      <c r="L42" s="346"/>
      <c r="M42" s="243"/>
    </row>
    <row r="43" spans="1:13" s="305" customFormat="1" ht="10.5" x14ac:dyDescent="0.2">
      <c r="A43" s="703" t="s">
        <v>662</v>
      </c>
      <c r="B43" s="345">
        <v>40500100</v>
      </c>
      <c r="C43" s="345">
        <v>64321610</v>
      </c>
      <c r="D43" s="345">
        <v>12401666.859999999</v>
      </c>
      <c r="E43" s="345">
        <v>24000027.880000003</v>
      </c>
      <c r="F43" s="345">
        <v>0.46524173452246986</v>
      </c>
      <c r="G43" s="345">
        <v>40321582.119999997</v>
      </c>
      <c r="H43" s="345">
        <v>3082631.8299999996</v>
      </c>
      <c r="I43" s="345">
        <v>3203868.7099999995</v>
      </c>
      <c r="J43" s="345">
        <v>7.9225450272725428E-2</v>
      </c>
      <c r="K43" s="345">
        <v>61117741.289999999</v>
      </c>
      <c r="L43" s="346"/>
      <c r="M43" s="243"/>
    </row>
    <row r="44" spans="1:13" s="305" customFormat="1" ht="10.5" x14ac:dyDescent="0.2">
      <c r="A44" s="703" t="s">
        <v>688</v>
      </c>
      <c r="B44" s="345">
        <v>4028000</v>
      </c>
      <c r="C44" s="345">
        <v>4128000</v>
      </c>
      <c r="D44" s="345">
        <v>0</v>
      </c>
      <c r="E44" s="345">
        <v>10970.24</v>
      </c>
      <c r="F44" s="345">
        <v>2.1265864820019448E-4</v>
      </c>
      <c r="G44" s="345">
        <v>4117029.76</v>
      </c>
      <c r="H44" s="345">
        <v>0</v>
      </c>
      <c r="I44" s="345">
        <v>10970.24</v>
      </c>
      <c r="J44" s="345">
        <v>2.7127272752692279E-4</v>
      </c>
      <c r="K44" s="345">
        <v>4117029.76</v>
      </c>
      <c r="L44" s="346"/>
      <c r="M44" s="243"/>
    </row>
    <row r="45" spans="1:13" ht="10.5" x14ac:dyDescent="0.2">
      <c r="A45" s="703"/>
      <c r="B45" s="345"/>
      <c r="C45" s="358"/>
      <c r="D45" s="358"/>
      <c r="E45" s="358"/>
      <c r="F45" s="358"/>
      <c r="G45" s="358"/>
      <c r="H45" s="358"/>
      <c r="I45" s="358"/>
      <c r="J45" s="358"/>
      <c r="K45" s="358"/>
      <c r="L45" s="375"/>
    </row>
    <row r="46" spans="1:13" s="76" customFormat="1" ht="10.5" x14ac:dyDescent="0.2">
      <c r="A46" s="161" t="s">
        <v>663</v>
      </c>
      <c r="B46" s="358">
        <v>240052900</v>
      </c>
      <c r="C46" s="358">
        <v>234028153</v>
      </c>
      <c r="D46" s="358">
        <v>26356223.529999997</v>
      </c>
      <c r="E46" s="358">
        <v>57068929.289999977</v>
      </c>
      <c r="F46" s="358">
        <v>1.1062840336258715</v>
      </c>
      <c r="G46" s="358">
        <v>176959223.71000004</v>
      </c>
      <c r="H46" s="358">
        <v>27833739.660000015</v>
      </c>
      <c r="I46" s="358">
        <v>51384653.159999982</v>
      </c>
      <c r="J46" s="358">
        <v>1.2706426674109323</v>
      </c>
      <c r="K46" s="358">
        <v>182643499.84000003</v>
      </c>
      <c r="L46" s="375"/>
      <c r="M46" s="176"/>
    </row>
    <row r="47" spans="1:13" s="305" customFormat="1" ht="10.5" x14ac:dyDescent="0.2">
      <c r="A47" s="703" t="s">
        <v>762</v>
      </c>
      <c r="B47" s="345">
        <v>291200</v>
      </c>
      <c r="C47" s="345">
        <v>291200</v>
      </c>
      <c r="D47" s="345">
        <v>6768.3899999999994</v>
      </c>
      <c r="E47" s="345">
        <v>6768.3899999999994</v>
      </c>
      <c r="F47" s="345">
        <v>1.3120557689637731E-4</v>
      </c>
      <c r="G47" s="345">
        <v>284431.61</v>
      </c>
      <c r="H47" s="345">
        <v>6768.3899999999994</v>
      </c>
      <c r="I47" s="345">
        <v>6768.3899999999994</v>
      </c>
      <c r="J47" s="345">
        <v>1.6736913834756111E-4</v>
      </c>
      <c r="K47" s="345">
        <v>284431.61</v>
      </c>
      <c r="L47" s="346"/>
      <c r="M47" s="243"/>
    </row>
    <row r="48" spans="1:13" s="305" customFormat="1" ht="10.5" x14ac:dyDescent="0.2">
      <c r="A48" s="703" t="s">
        <v>664</v>
      </c>
      <c r="B48" s="345">
        <v>239761600</v>
      </c>
      <c r="C48" s="345">
        <v>233736753</v>
      </c>
      <c r="D48" s="345">
        <v>26349455.139999997</v>
      </c>
      <c r="E48" s="345">
        <v>57062160.899999976</v>
      </c>
      <c r="F48" s="345">
        <v>1.106152828048975</v>
      </c>
      <c r="G48" s="345">
        <v>176674592.10000002</v>
      </c>
      <c r="H48" s="345">
        <v>27826971.270000014</v>
      </c>
      <c r="I48" s="345">
        <v>51377884.769999981</v>
      </c>
      <c r="J48" s="345">
        <v>1.2704752982725849</v>
      </c>
      <c r="K48" s="345">
        <v>182358868.23000002</v>
      </c>
      <c r="L48" s="346"/>
      <c r="M48" s="243"/>
    </row>
    <row r="49" spans="1:13" s="305" customFormat="1" ht="10.5" x14ac:dyDescent="0.2">
      <c r="A49" s="703" t="s">
        <v>690</v>
      </c>
      <c r="B49" s="345">
        <v>100</v>
      </c>
      <c r="C49" s="345">
        <v>100</v>
      </c>
      <c r="D49" s="345">
        <v>0</v>
      </c>
      <c r="E49" s="345">
        <v>0</v>
      </c>
      <c r="F49" s="345">
        <v>0</v>
      </c>
      <c r="G49" s="345">
        <v>100</v>
      </c>
      <c r="H49" s="345">
        <v>0</v>
      </c>
      <c r="I49" s="345">
        <v>0</v>
      </c>
      <c r="J49" s="345">
        <v>0</v>
      </c>
      <c r="K49" s="345">
        <v>100</v>
      </c>
      <c r="L49" s="346"/>
      <c r="M49" s="243"/>
    </row>
    <row r="50" spans="1:13" s="305" customFormat="1" ht="10.5" x14ac:dyDescent="0.2">
      <c r="A50" s="703" t="s">
        <v>689</v>
      </c>
      <c r="B50" s="345">
        <v>0</v>
      </c>
      <c r="C50" s="345">
        <v>100</v>
      </c>
      <c r="D50" s="345">
        <v>0</v>
      </c>
      <c r="E50" s="345">
        <v>0</v>
      </c>
      <c r="F50" s="345">
        <v>0</v>
      </c>
      <c r="G50" s="345">
        <v>100</v>
      </c>
      <c r="H50" s="345">
        <v>0</v>
      </c>
      <c r="I50" s="345">
        <v>0</v>
      </c>
      <c r="J50" s="345">
        <v>0</v>
      </c>
      <c r="K50" s="345">
        <v>100</v>
      </c>
      <c r="L50" s="346"/>
      <c r="M50" s="243"/>
    </row>
    <row r="51" spans="1:13" s="305" customFormat="1" ht="10.5" x14ac:dyDescent="0.2">
      <c r="A51" s="703"/>
      <c r="B51" s="345"/>
      <c r="C51" s="345"/>
      <c r="D51" s="345"/>
      <c r="E51" s="345"/>
      <c r="F51" s="345"/>
      <c r="G51" s="345"/>
      <c r="H51" s="345"/>
      <c r="I51" s="345"/>
      <c r="J51" s="345"/>
      <c r="K51" s="345"/>
      <c r="L51" s="346"/>
      <c r="M51" s="243"/>
    </row>
    <row r="52" spans="1:13" s="76" customFormat="1" ht="10.5" x14ac:dyDescent="0.2">
      <c r="A52" s="161" t="s">
        <v>665</v>
      </c>
      <c r="B52" s="358">
        <v>1547322700</v>
      </c>
      <c r="C52" s="358">
        <v>1547322700</v>
      </c>
      <c r="D52" s="358">
        <v>366592729.49000031</v>
      </c>
      <c r="E52" s="358">
        <v>710613200.79999983</v>
      </c>
      <c r="F52" s="358">
        <v>13.775272252506902</v>
      </c>
      <c r="G52" s="358">
        <v>836709499.20000017</v>
      </c>
      <c r="H52" s="358">
        <v>382623279.06999999</v>
      </c>
      <c r="I52" s="358">
        <v>542040069.08000016</v>
      </c>
      <c r="J52" s="358">
        <v>13.403598095229757</v>
      </c>
      <c r="K52" s="358">
        <v>1005282630.9199998</v>
      </c>
      <c r="L52" s="375"/>
      <c r="M52" s="176"/>
    </row>
    <row r="53" spans="1:13" s="305" customFormat="1" ht="10.5" x14ac:dyDescent="0.2">
      <c r="A53" s="703" t="s">
        <v>666</v>
      </c>
      <c r="B53" s="345">
        <v>1547322700</v>
      </c>
      <c r="C53" s="345">
        <v>1547322700</v>
      </c>
      <c r="D53" s="345">
        <v>366592729.49000031</v>
      </c>
      <c r="E53" s="345">
        <v>710613200.79999983</v>
      </c>
      <c r="F53" s="345">
        <v>13.775272252506902</v>
      </c>
      <c r="G53" s="345">
        <v>836709499.20000017</v>
      </c>
      <c r="H53" s="345">
        <v>382623279.06999999</v>
      </c>
      <c r="I53" s="345">
        <v>542040069.08000016</v>
      </c>
      <c r="J53" s="345">
        <v>13.403598095229757</v>
      </c>
      <c r="K53" s="345">
        <v>1005282630.9199998</v>
      </c>
      <c r="L53" s="346"/>
      <c r="M53" s="243"/>
    </row>
    <row r="54" spans="1:13" ht="10.5" x14ac:dyDescent="0.2">
      <c r="A54" s="703"/>
      <c r="B54" s="345"/>
      <c r="C54" s="358"/>
      <c r="D54" s="358"/>
      <c r="E54" s="358"/>
      <c r="F54" s="358"/>
      <c r="G54" s="358"/>
      <c r="H54" s="358"/>
      <c r="I54" s="358"/>
      <c r="J54" s="358"/>
      <c r="K54" s="358"/>
      <c r="L54" s="375"/>
    </row>
    <row r="55" spans="1:13" s="76" customFormat="1" ht="10.5" x14ac:dyDescent="0.2">
      <c r="A55" s="161" t="s">
        <v>667</v>
      </c>
      <c r="B55" s="358">
        <v>1074951200</v>
      </c>
      <c r="C55" s="358">
        <v>1070154200.0000006</v>
      </c>
      <c r="D55" s="358">
        <v>160352838.00999999</v>
      </c>
      <c r="E55" s="358">
        <v>286615286.45000011</v>
      </c>
      <c r="F55" s="358">
        <v>5.5560515877472634</v>
      </c>
      <c r="G55" s="358">
        <v>783538913.55000043</v>
      </c>
      <c r="H55" s="358">
        <v>124479447.04999998</v>
      </c>
      <c r="I55" s="358">
        <v>186804674.75999993</v>
      </c>
      <c r="J55" s="358">
        <v>4.6193167730993023</v>
      </c>
      <c r="K55" s="358">
        <v>883349525.24000061</v>
      </c>
      <c r="L55" s="375"/>
      <c r="M55" s="176"/>
    </row>
    <row r="56" spans="1:13" ht="10.5" x14ac:dyDescent="0.2">
      <c r="A56" s="25" t="s">
        <v>653</v>
      </c>
      <c r="B56" s="345">
        <v>333011100</v>
      </c>
      <c r="C56" s="345">
        <v>310735300.00000012</v>
      </c>
      <c r="D56" s="345">
        <v>31461707.499999996</v>
      </c>
      <c r="E56" s="345">
        <v>63968173.87000002</v>
      </c>
      <c r="F56" s="345">
        <v>1.2400262330659317</v>
      </c>
      <c r="G56" s="345">
        <v>246767126.13000011</v>
      </c>
      <c r="H56" s="345">
        <v>29328137.370000001</v>
      </c>
      <c r="I56" s="345">
        <v>57852694.969999991</v>
      </c>
      <c r="J56" s="345">
        <v>1.4305847783908996</v>
      </c>
      <c r="K56" s="345">
        <v>252882605.03000012</v>
      </c>
      <c r="L56" s="375"/>
    </row>
    <row r="57" spans="1:13" ht="10.5" x14ac:dyDescent="0.2">
      <c r="A57" s="25" t="s">
        <v>763</v>
      </c>
      <c r="B57" s="345">
        <v>2181000</v>
      </c>
      <c r="C57" s="345">
        <v>2181000</v>
      </c>
      <c r="D57" s="345">
        <v>2931.9</v>
      </c>
      <c r="E57" s="345">
        <v>2931.9</v>
      </c>
      <c r="F57" s="345">
        <v>5.6835027370244425E-5</v>
      </c>
      <c r="G57" s="345">
        <v>2178068.1</v>
      </c>
      <c r="H57" s="345">
        <v>2650</v>
      </c>
      <c r="I57" s="345">
        <v>2650</v>
      </c>
      <c r="J57" s="345">
        <v>6.552935286250304E-5</v>
      </c>
      <c r="K57" s="345">
        <v>2178350</v>
      </c>
      <c r="L57" s="375"/>
    </row>
    <row r="58" spans="1:13" ht="10.5" x14ac:dyDescent="0.2">
      <c r="A58" s="25" t="s">
        <v>657</v>
      </c>
      <c r="B58" s="345">
        <v>4578100</v>
      </c>
      <c r="C58" s="345">
        <v>4578100</v>
      </c>
      <c r="D58" s="345">
        <v>251730.38999999998</v>
      </c>
      <c r="E58" s="345">
        <v>1172697.24</v>
      </c>
      <c r="F58" s="345">
        <v>2.2732794342375285E-2</v>
      </c>
      <c r="G58" s="345">
        <v>3405402.76</v>
      </c>
      <c r="H58" s="345">
        <v>71663.64</v>
      </c>
      <c r="I58" s="345">
        <v>77096.88</v>
      </c>
      <c r="J58" s="345">
        <v>1.9064560958936053E-3</v>
      </c>
      <c r="K58" s="345">
        <v>4501003.12</v>
      </c>
      <c r="L58" s="375"/>
    </row>
    <row r="59" spans="1:13" ht="10.5" x14ac:dyDescent="0.2">
      <c r="A59" s="703" t="s">
        <v>669</v>
      </c>
      <c r="B59" s="345">
        <v>64744900</v>
      </c>
      <c r="C59" s="345">
        <v>67506500</v>
      </c>
      <c r="D59" s="345">
        <v>9475640</v>
      </c>
      <c r="E59" s="345">
        <v>13621401.690000001</v>
      </c>
      <c r="F59" s="345">
        <v>0.26405154946357096</v>
      </c>
      <c r="G59" s="345">
        <v>53885098.310000002</v>
      </c>
      <c r="H59" s="345">
        <v>7921478.9299999997</v>
      </c>
      <c r="I59" s="345">
        <v>10684474.540000003</v>
      </c>
      <c r="J59" s="345">
        <v>0.26420630274795853</v>
      </c>
      <c r="K59" s="345">
        <v>56822025.459999993</v>
      </c>
      <c r="L59" s="375"/>
    </row>
    <row r="60" spans="1:13" ht="10.5" x14ac:dyDescent="0.2">
      <c r="A60" s="703" t="s">
        <v>670</v>
      </c>
      <c r="B60" s="345">
        <v>547235100</v>
      </c>
      <c r="C60" s="345">
        <v>560891900.00000048</v>
      </c>
      <c r="D60" s="345">
        <v>98699133.710000008</v>
      </c>
      <c r="E60" s="345">
        <v>173658340.64000008</v>
      </c>
      <c r="F60" s="345">
        <v>3.3663755732956901</v>
      </c>
      <c r="G60" s="345">
        <v>387233559.36000037</v>
      </c>
      <c r="H60" s="345">
        <v>73802676.509999976</v>
      </c>
      <c r="I60" s="345">
        <v>103082553.19999994</v>
      </c>
      <c r="J60" s="345">
        <v>2.5490313217398262</v>
      </c>
      <c r="K60" s="345">
        <v>457809346.80000055</v>
      </c>
      <c r="L60" s="375"/>
    </row>
    <row r="61" spans="1:13" ht="10.5" x14ac:dyDescent="0.2">
      <c r="A61" s="703" t="s">
        <v>671</v>
      </c>
      <c r="B61" s="345">
        <v>76275000</v>
      </c>
      <c r="C61" s="345">
        <v>76985400</v>
      </c>
      <c r="D61" s="345">
        <v>13620061.539999999</v>
      </c>
      <c r="E61" s="345">
        <v>19198797.870000005</v>
      </c>
      <c r="F61" s="345">
        <v>0.37216965190396695</v>
      </c>
      <c r="G61" s="345">
        <v>57786602.129999995</v>
      </c>
      <c r="H61" s="345">
        <v>10468529.9</v>
      </c>
      <c r="I61" s="345">
        <v>11746296.960000001</v>
      </c>
      <c r="J61" s="345">
        <v>0.29046310879984411</v>
      </c>
      <c r="K61" s="345">
        <v>65239103.039999999</v>
      </c>
      <c r="L61" s="375"/>
    </row>
    <row r="62" spans="1:13" ht="10.5" x14ac:dyDescent="0.2">
      <c r="A62" s="703" t="s">
        <v>672</v>
      </c>
      <c r="B62" s="345">
        <v>17119600</v>
      </c>
      <c r="C62" s="345">
        <v>17469600</v>
      </c>
      <c r="D62" s="345">
        <v>4702840.3</v>
      </c>
      <c r="E62" s="345">
        <v>11031385.969999999</v>
      </c>
      <c r="F62" s="345">
        <v>0.21384396587082788</v>
      </c>
      <c r="G62" s="345">
        <v>6438214.0300000012</v>
      </c>
      <c r="H62" s="345">
        <v>1377402.72</v>
      </c>
      <c r="I62" s="345">
        <v>1460595.82</v>
      </c>
      <c r="J62" s="345">
        <v>3.6117697689915844E-2</v>
      </c>
      <c r="K62" s="345">
        <v>16009004.18</v>
      </c>
      <c r="L62" s="375"/>
    </row>
    <row r="63" spans="1:13" ht="10.5" x14ac:dyDescent="0.2">
      <c r="A63" s="703" t="s">
        <v>673</v>
      </c>
      <c r="B63" s="345">
        <v>21281500</v>
      </c>
      <c r="C63" s="345">
        <v>21281500</v>
      </c>
      <c r="D63" s="345">
        <v>1366022.8100000003</v>
      </c>
      <c r="E63" s="345">
        <v>2079254.37</v>
      </c>
      <c r="F63" s="345">
        <v>4.0306449411183991E-2</v>
      </c>
      <c r="G63" s="345">
        <v>19202245.629999999</v>
      </c>
      <c r="H63" s="345">
        <v>800151.07000000018</v>
      </c>
      <c r="I63" s="345">
        <v>953040.88</v>
      </c>
      <c r="J63" s="345">
        <v>2.3566849855815253E-2</v>
      </c>
      <c r="K63" s="345">
        <v>20328459.120000001</v>
      </c>
      <c r="L63" s="375"/>
    </row>
    <row r="64" spans="1:13" ht="10.5" x14ac:dyDescent="0.2">
      <c r="A64" s="703" t="s">
        <v>674</v>
      </c>
      <c r="B64" s="345">
        <v>108000</v>
      </c>
      <c r="C64" s="345">
        <v>108000</v>
      </c>
      <c r="D64" s="345">
        <v>27800</v>
      </c>
      <c r="E64" s="345">
        <v>31840</v>
      </c>
      <c r="F64" s="345">
        <v>6.1721998412926171E-4</v>
      </c>
      <c r="G64" s="345">
        <v>76160</v>
      </c>
      <c r="H64" s="345">
        <v>113.76</v>
      </c>
      <c r="I64" s="345">
        <v>113.76</v>
      </c>
      <c r="J64" s="345">
        <v>2.8130638421276781E-6</v>
      </c>
      <c r="K64" s="345">
        <v>107886.24</v>
      </c>
      <c r="L64" s="375"/>
    </row>
    <row r="65" spans="1:13" ht="10.5" x14ac:dyDescent="0.2">
      <c r="A65" s="703" t="s">
        <v>675</v>
      </c>
      <c r="B65" s="345">
        <v>3661900</v>
      </c>
      <c r="C65" s="345">
        <v>3661900</v>
      </c>
      <c r="D65" s="345">
        <v>459269.69000000006</v>
      </c>
      <c r="E65" s="345">
        <v>916762.7300000001</v>
      </c>
      <c r="F65" s="345">
        <v>1.7771491132565917E-2</v>
      </c>
      <c r="G65" s="345">
        <v>2745137.27</v>
      </c>
      <c r="H65" s="345">
        <v>351426.68</v>
      </c>
      <c r="I65" s="345">
        <v>587041.28000000003</v>
      </c>
      <c r="J65" s="345">
        <v>1.4516390634707719E-2</v>
      </c>
      <c r="K65" s="345">
        <v>3074858.7199999997</v>
      </c>
      <c r="L65" s="375"/>
    </row>
    <row r="66" spans="1:13" ht="10.5" x14ac:dyDescent="0.2">
      <c r="A66" s="703" t="s">
        <v>679</v>
      </c>
      <c r="B66" s="345">
        <v>3687000</v>
      </c>
      <c r="C66" s="345">
        <v>3687000</v>
      </c>
      <c r="D66" s="345">
        <v>115700.17</v>
      </c>
      <c r="E66" s="345">
        <v>763700.16999999993</v>
      </c>
      <c r="F66" s="345">
        <v>1.4804365791674448E-2</v>
      </c>
      <c r="G66" s="345">
        <v>2923299.83</v>
      </c>
      <c r="H66" s="345">
        <v>195854.32</v>
      </c>
      <c r="I66" s="345">
        <v>198754.32</v>
      </c>
      <c r="J66" s="345">
        <v>4.914808289896923E-3</v>
      </c>
      <c r="K66" s="345">
        <v>3488245.68</v>
      </c>
      <c r="L66" s="375"/>
    </row>
    <row r="67" spans="1:13" ht="10.5" x14ac:dyDescent="0.2">
      <c r="A67" s="703" t="s">
        <v>731</v>
      </c>
      <c r="B67" s="345">
        <v>1068000</v>
      </c>
      <c r="C67" s="345">
        <v>1068000</v>
      </c>
      <c r="D67" s="345">
        <v>170000</v>
      </c>
      <c r="E67" s="345">
        <v>170000</v>
      </c>
      <c r="F67" s="345">
        <v>3.2954584579765857E-3</v>
      </c>
      <c r="G67" s="345">
        <v>898000</v>
      </c>
      <c r="H67" s="345">
        <v>159362.15</v>
      </c>
      <c r="I67" s="345">
        <v>159362.15</v>
      </c>
      <c r="J67" s="345">
        <v>3.9407164378404301E-3</v>
      </c>
      <c r="K67" s="345">
        <v>908637.85</v>
      </c>
      <c r="L67" s="346"/>
    </row>
    <row r="68" spans="1:13" ht="10.5" x14ac:dyDescent="0.2">
      <c r="A68" s="703"/>
      <c r="B68" s="345"/>
      <c r="C68" s="358"/>
      <c r="D68" s="358"/>
      <c r="E68" s="358"/>
      <c r="F68" s="358"/>
      <c r="G68" s="358"/>
      <c r="H68" s="358"/>
      <c r="I68" s="358"/>
      <c r="J68" s="358"/>
      <c r="K68" s="358"/>
      <c r="L68" s="375"/>
    </row>
    <row r="69" spans="1:13" s="76" customFormat="1" ht="10.5" x14ac:dyDescent="0.2">
      <c r="A69" s="161" t="s">
        <v>668</v>
      </c>
      <c r="B69" s="358">
        <v>12324500</v>
      </c>
      <c r="C69" s="358">
        <v>12340100</v>
      </c>
      <c r="D69" s="358">
        <v>1785853.78</v>
      </c>
      <c r="E69" s="358">
        <v>2900015.6900000004</v>
      </c>
      <c r="F69" s="358">
        <v>5.6216948434560619E-2</v>
      </c>
      <c r="G69" s="358">
        <v>9440084.3099999987</v>
      </c>
      <c r="H69" s="358">
        <v>1465342.8200000003</v>
      </c>
      <c r="I69" s="358">
        <v>2540145.5</v>
      </c>
      <c r="J69" s="358">
        <v>6.2812864449660083E-2</v>
      </c>
      <c r="K69" s="358">
        <v>9799954.5</v>
      </c>
      <c r="L69" s="375"/>
      <c r="M69" s="176"/>
    </row>
    <row r="70" spans="1:13" s="305" customFormat="1" ht="10.5" x14ac:dyDescent="0.2">
      <c r="A70" s="703" t="s">
        <v>653</v>
      </c>
      <c r="B70" s="345">
        <v>5400000</v>
      </c>
      <c r="C70" s="345">
        <v>5361874</v>
      </c>
      <c r="D70" s="345">
        <v>1030318.75</v>
      </c>
      <c r="E70" s="345">
        <v>2033574.5800000003</v>
      </c>
      <c r="F70" s="345">
        <v>3.9420944409336377E-2</v>
      </c>
      <c r="G70" s="345">
        <v>3328299.42</v>
      </c>
      <c r="H70" s="345">
        <v>1032835.7900000004</v>
      </c>
      <c r="I70" s="345">
        <v>1996742.39</v>
      </c>
      <c r="J70" s="345">
        <v>4.9375560999934967E-2</v>
      </c>
      <c r="K70" s="345">
        <v>3365131.6100000003</v>
      </c>
      <c r="L70" s="346"/>
      <c r="M70" s="243"/>
    </row>
    <row r="71" spans="1:13" s="305" customFormat="1" ht="10.5" x14ac:dyDescent="0.2">
      <c r="A71" s="703" t="s">
        <v>676</v>
      </c>
      <c r="B71" s="345">
        <v>6924500</v>
      </c>
      <c r="C71" s="345">
        <v>6978226</v>
      </c>
      <c r="D71" s="345">
        <v>755535.03</v>
      </c>
      <c r="E71" s="345">
        <v>866441.1100000001</v>
      </c>
      <c r="F71" s="345">
        <v>1.6796004025224243E-2</v>
      </c>
      <c r="G71" s="345">
        <v>6111784.8899999997</v>
      </c>
      <c r="H71" s="345">
        <v>432507.02999999997</v>
      </c>
      <c r="I71" s="345">
        <v>543403.11</v>
      </c>
      <c r="J71" s="345">
        <v>1.3437303449725116E-2</v>
      </c>
      <c r="K71" s="345">
        <v>6434822.8899999997</v>
      </c>
      <c r="L71" s="346"/>
      <c r="M71" s="243"/>
    </row>
    <row r="72" spans="1:13" ht="10.5" x14ac:dyDescent="0.2">
      <c r="A72" s="703"/>
      <c r="B72" s="345"/>
      <c r="C72" s="358"/>
      <c r="D72" s="358"/>
      <c r="E72" s="358"/>
      <c r="F72" s="358"/>
      <c r="G72" s="358"/>
      <c r="H72" s="358"/>
      <c r="I72" s="358"/>
      <c r="J72" s="358"/>
      <c r="K72" s="358"/>
      <c r="L72" s="375"/>
    </row>
    <row r="73" spans="1:13" s="76" customFormat="1" ht="10.5" x14ac:dyDescent="0.2">
      <c r="A73" s="161" t="s">
        <v>684</v>
      </c>
      <c r="B73" s="358">
        <v>1479468400</v>
      </c>
      <c r="C73" s="358">
        <v>1472523155.7500007</v>
      </c>
      <c r="D73" s="358">
        <v>290562289.37</v>
      </c>
      <c r="E73" s="358">
        <v>539290478.11999989</v>
      </c>
      <c r="F73" s="358">
        <v>10.454172749569356</v>
      </c>
      <c r="G73" s="358">
        <v>933232677.63000083</v>
      </c>
      <c r="H73" s="358">
        <v>246944288.56999996</v>
      </c>
      <c r="I73" s="358">
        <v>398067463.12999994</v>
      </c>
      <c r="J73" s="358">
        <v>9.8434351903876163</v>
      </c>
      <c r="K73" s="358">
        <v>1074455692.6200006</v>
      </c>
      <c r="L73" s="375"/>
      <c r="M73" s="176"/>
    </row>
    <row r="74" spans="1:13" s="305" customFormat="1" ht="10.5" x14ac:dyDescent="0.2">
      <c r="A74" s="25" t="s">
        <v>653</v>
      </c>
      <c r="B74" s="345">
        <v>1126742800</v>
      </c>
      <c r="C74" s="345">
        <v>1120772063.5800006</v>
      </c>
      <c r="D74" s="345">
        <v>212943438.65000001</v>
      </c>
      <c r="E74" s="345">
        <v>444144560.78999984</v>
      </c>
      <c r="F74" s="345">
        <v>8.6097644083511806</v>
      </c>
      <c r="G74" s="345">
        <v>676627502.7900008</v>
      </c>
      <c r="H74" s="345">
        <v>224245605.46999994</v>
      </c>
      <c r="I74" s="345">
        <v>372578326.74000001</v>
      </c>
      <c r="J74" s="345">
        <v>9.2131383554212878</v>
      </c>
      <c r="K74" s="345">
        <v>748193736.84000063</v>
      </c>
      <c r="L74" s="346"/>
      <c r="M74" s="243"/>
    </row>
    <row r="75" spans="1:13" s="305" customFormat="1" ht="10.5" x14ac:dyDescent="0.2">
      <c r="A75" s="703" t="s">
        <v>677</v>
      </c>
      <c r="B75" s="345">
        <v>34443400</v>
      </c>
      <c r="C75" s="345">
        <v>36714451</v>
      </c>
      <c r="D75" s="345">
        <v>13542609.330000002</v>
      </c>
      <c r="E75" s="345">
        <v>13949237.930000003</v>
      </c>
      <c r="F75" s="345">
        <v>0.27040667128674301</v>
      </c>
      <c r="G75" s="345">
        <v>22765213.069999997</v>
      </c>
      <c r="H75" s="345">
        <v>1497505.05</v>
      </c>
      <c r="I75" s="345">
        <v>1550518.21</v>
      </c>
      <c r="J75" s="345">
        <v>3.8341303736915695E-2</v>
      </c>
      <c r="K75" s="345">
        <v>35163932.789999999</v>
      </c>
      <c r="L75" s="346"/>
      <c r="M75" s="243"/>
    </row>
    <row r="76" spans="1:13" s="305" customFormat="1" ht="10.5" x14ac:dyDescent="0.2">
      <c r="A76" s="703" t="s">
        <v>678</v>
      </c>
      <c r="B76" s="345">
        <v>35014400</v>
      </c>
      <c r="C76" s="345">
        <v>27144422</v>
      </c>
      <c r="D76" s="345">
        <v>6758928.8800000008</v>
      </c>
      <c r="E76" s="345">
        <v>6913095.5200000005</v>
      </c>
      <c r="F76" s="345">
        <v>0.13401070060108264</v>
      </c>
      <c r="G76" s="345">
        <v>20231326.48</v>
      </c>
      <c r="H76" s="345">
        <v>115012.01</v>
      </c>
      <c r="I76" s="345">
        <v>115012.01</v>
      </c>
      <c r="J76" s="345">
        <v>2.8440236176285765E-3</v>
      </c>
      <c r="K76" s="345">
        <v>27029409.989999998</v>
      </c>
      <c r="L76" s="346"/>
      <c r="M76" s="243"/>
    </row>
    <row r="77" spans="1:13" s="305" customFormat="1" ht="10.5" x14ac:dyDescent="0.2">
      <c r="A77" s="703" t="s">
        <v>679</v>
      </c>
      <c r="B77" s="345">
        <v>21651100</v>
      </c>
      <c r="C77" s="345">
        <v>30842428</v>
      </c>
      <c r="D77" s="345">
        <v>4569926.6400000006</v>
      </c>
      <c r="E77" s="345">
        <v>15031012.639999995</v>
      </c>
      <c r="F77" s="345">
        <v>0.29137692786141739</v>
      </c>
      <c r="G77" s="345">
        <v>15811415.360000005</v>
      </c>
      <c r="H77" s="345">
        <v>4913539.03</v>
      </c>
      <c r="I77" s="345">
        <v>5014949.8500000006</v>
      </c>
      <c r="J77" s="345">
        <v>0.12400996917298368</v>
      </c>
      <c r="K77" s="345">
        <v>25827478.149999999</v>
      </c>
      <c r="L77" s="346"/>
      <c r="M77" s="243"/>
    </row>
    <row r="78" spans="1:13" s="305" customFormat="1" ht="10.5" x14ac:dyDescent="0.2">
      <c r="A78" s="703" t="s">
        <v>680</v>
      </c>
      <c r="B78" s="345">
        <v>24613100</v>
      </c>
      <c r="C78" s="345">
        <v>24626100</v>
      </c>
      <c r="D78" s="345">
        <v>7505702.2799999993</v>
      </c>
      <c r="E78" s="345">
        <v>9064602.8399999999</v>
      </c>
      <c r="F78" s="345">
        <v>0.17571777704280339</v>
      </c>
      <c r="G78" s="345">
        <v>15561497.16</v>
      </c>
      <c r="H78" s="345">
        <v>1177020.6499999999</v>
      </c>
      <c r="I78" s="345">
        <v>2357210.15</v>
      </c>
      <c r="J78" s="345">
        <v>5.8289228562424043E-2</v>
      </c>
      <c r="K78" s="345">
        <v>22268889.850000001</v>
      </c>
      <c r="L78" s="346"/>
      <c r="M78" s="243"/>
    </row>
    <row r="79" spans="1:13" s="305" customFormat="1" ht="10.5" x14ac:dyDescent="0.2">
      <c r="A79" s="703" t="s">
        <v>681</v>
      </c>
      <c r="B79" s="345">
        <v>187600</v>
      </c>
      <c r="C79" s="345">
        <v>187600</v>
      </c>
      <c r="D79" s="345">
        <v>0</v>
      </c>
      <c r="E79" s="345">
        <v>0</v>
      </c>
      <c r="F79" s="345">
        <v>0</v>
      </c>
      <c r="G79" s="345">
        <v>187600</v>
      </c>
      <c r="H79" s="345">
        <v>0</v>
      </c>
      <c r="I79" s="345">
        <v>0</v>
      </c>
      <c r="J79" s="345">
        <v>0</v>
      </c>
      <c r="K79" s="345">
        <v>187600</v>
      </c>
      <c r="L79" s="346"/>
      <c r="M79" s="243"/>
    </row>
    <row r="80" spans="1:13" s="305" customFormat="1" ht="10.5" x14ac:dyDescent="0.2">
      <c r="A80" s="703" t="s">
        <v>682</v>
      </c>
      <c r="B80" s="345">
        <v>5327000</v>
      </c>
      <c r="C80" s="345">
        <v>8356235.1699999999</v>
      </c>
      <c r="D80" s="345">
        <v>3794324.52</v>
      </c>
      <c r="E80" s="345">
        <v>5341463.75</v>
      </c>
      <c r="F80" s="345">
        <v>0.10354454054654608</v>
      </c>
      <c r="G80" s="345">
        <v>3014771.42</v>
      </c>
      <c r="H80" s="345">
        <v>3092561.41</v>
      </c>
      <c r="I80" s="345">
        <v>3772490.65</v>
      </c>
      <c r="J80" s="345">
        <v>9.328636640541263E-2</v>
      </c>
      <c r="K80" s="345">
        <v>4583744.5199999996</v>
      </c>
      <c r="L80" s="346"/>
      <c r="M80" s="243"/>
    </row>
    <row r="81" spans="1:13" s="305" customFormat="1" ht="10.5" x14ac:dyDescent="0.2">
      <c r="A81" s="703" t="s">
        <v>683</v>
      </c>
      <c r="B81" s="345">
        <v>19483200</v>
      </c>
      <c r="C81" s="345">
        <v>19483200</v>
      </c>
      <c r="D81" s="345">
        <v>234658.38</v>
      </c>
      <c r="E81" s="345">
        <v>237658.38</v>
      </c>
      <c r="F81" s="345">
        <v>4.6070195204706678E-3</v>
      </c>
      <c r="G81" s="345">
        <v>19245541.620000001</v>
      </c>
      <c r="H81" s="345">
        <v>58664.59</v>
      </c>
      <c r="I81" s="345">
        <v>58664.59</v>
      </c>
      <c r="J81" s="345">
        <v>1.450661365526063E-3</v>
      </c>
      <c r="K81" s="345">
        <v>19424535.41</v>
      </c>
      <c r="L81" s="346"/>
      <c r="M81" s="243"/>
    </row>
    <row r="82" spans="1:13" s="305" customFormat="1" ht="10.5" x14ac:dyDescent="0.2">
      <c r="A82" s="703" t="s">
        <v>764</v>
      </c>
      <c r="B82" s="345">
        <v>185126400</v>
      </c>
      <c r="C82" s="345">
        <v>177517256</v>
      </c>
      <c r="D82" s="345">
        <v>40176126.68</v>
      </c>
      <c r="E82" s="345">
        <v>42564498.060000017</v>
      </c>
      <c r="F82" s="345">
        <v>0.82511491259620617</v>
      </c>
      <c r="G82" s="345">
        <v>134952757.94</v>
      </c>
      <c r="H82" s="345">
        <v>11348436.68</v>
      </c>
      <c r="I82" s="345">
        <v>11990217.089999998</v>
      </c>
      <c r="J82" s="345">
        <v>0.29649477984476386</v>
      </c>
      <c r="K82" s="345">
        <v>165527038.91</v>
      </c>
      <c r="L82" s="346"/>
      <c r="M82" s="243"/>
    </row>
    <row r="83" spans="1:13" s="305" customFormat="1" ht="10.5" x14ac:dyDescent="0.2">
      <c r="A83" s="703" t="s">
        <v>705</v>
      </c>
      <c r="B83" s="345">
        <v>11318700</v>
      </c>
      <c r="C83" s="345">
        <v>11318700</v>
      </c>
      <c r="D83" s="345">
        <v>367753</v>
      </c>
      <c r="E83" s="345">
        <v>783729.24</v>
      </c>
      <c r="F83" s="345">
        <v>1.5192630310126833E-2</v>
      </c>
      <c r="G83" s="345">
        <v>10534970.76</v>
      </c>
      <c r="H83" s="345">
        <v>272336.20999999996</v>
      </c>
      <c r="I83" s="345">
        <v>345349.54</v>
      </c>
      <c r="J83" s="345">
        <v>8.5398233462502301E-3</v>
      </c>
      <c r="K83" s="345">
        <v>10973350.460000001</v>
      </c>
      <c r="L83" s="346"/>
      <c r="M83" s="243"/>
    </row>
    <row r="84" spans="1:13" s="305" customFormat="1" ht="10.5" x14ac:dyDescent="0.2">
      <c r="A84" s="703" t="s">
        <v>707</v>
      </c>
      <c r="B84" s="345">
        <v>15560700</v>
      </c>
      <c r="C84" s="345">
        <v>15560700</v>
      </c>
      <c r="D84" s="345">
        <v>668821.01000000013</v>
      </c>
      <c r="E84" s="345">
        <v>1260618.9700000002</v>
      </c>
      <c r="F84" s="345">
        <v>2.4437161452777838E-2</v>
      </c>
      <c r="G84" s="345">
        <v>14300081.029999999</v>
      </c>
      <c r="H84" s="345">
        <v>223607.47</v>
      </c>
      <c r="I84" s="345">
        <v>284724.30000000005</v>
      </c>
      <c r="J84" s="345">
        <v>7.040678914426105E-3</v>
      </c>
      <c r="K84" s="345">
        <v>15275975.699999999</v>
      </c>
      <c r="L84" s="346"/>
      <c r="M84" s="243"/>
    </row>
    <row r="85" spans="1:13" s="305" customFormat="1" ht="10.5" x14ac:dyDescent="0.2">
      <c r="A85" s="703" t="s">
        <v>731</v>
      </c>
      <c r="B85" s="345">
        <v>0</v>
      </c>
      <c r="C85" s="345">
        <v>0</v>
      </c>
      <c r="D85" s="345">
        <v>0</v>
      </c>
      <c r="E85" s="345">
        <v>0</v>
      </c>
      <c r="F85" s="345">
        <v>0</v>
      </c>
      <c r="G85" s="345">
        <v>0</v>
      </c>
      <c r="H85" s="345">
        <v>0</v>
      </c>
      <c r="I85" s="345">
        <v>0</v>
      </c>
      <c r="J85" s="345">
        <v>0</v>
      </c>
      <c r="K85" s="345">
        <v>0</v>
      </c>
      <c r="L85" s="346"/>
      <c r="M85" s="243"/>
    </row>
    <row r="86" spans="1:13" ht="10.5" x14ac:dyDescent="0.2">
      <c r="A86" s="703"/>
      <c r="B86" s="345"/>
      <c r="C86" s="358"/>
      <c r="D86" s="358"/>
      <c r="E86" s="358"/>
      <c r="F86" s="358"/>
      <c r="G86" s="358"/>
      <c r="H86" s="358"/>
      <c r="I86" s="358"/>
      <c r="J86" s="358"/>
      <c r="K86" s="358"/>
      <c r="L86" s="375"/>
    </row>
    <row r="87" spans="1:13" s="76" customFormat="1" ht="10.5" x14ac:dyDescent="0.2">
      <c r="A87" s="161" t="s">
        <v>685</v>
      </c>
      <c r="B87" s="358">
        <v>45533800</v>
      </c>
      <c r="C87" s="358">
        <v>41238299.999999993</v>
      </c>
      <c r="D87" s="358">
        <v>1902328.2999999998</v>
      </c>
      <c r="E87" s="358">
        <v>3863320.2700000023</v>
      </c>
      <c r="F87" s="358">
        <v>7.4890655644964083E-2</v>
      </c>
      <c r="G87" s="358">
        <v>37374979.729999989</v>
      </c>
      <c r="H87" s="358">
        <v>1526668.8500000003</v>
      </c>
      <c r="I87" s="358">
        <v>3271471.9800000023</v>
      </c>
      <c r="J87" s="358">
        <v>8.0897147832910049E-2</v>
      </c>
      <c r="K87" s="358">
        <v>37966828.019999988</v>
      </c>
      <c r="L87" s="375"/>
      <c r="M87" s="176"/>
    </row>
    <row r="88" spans="1:13" ht="10.5" x14ac:dyDescent="0.2">
      <c r="A88" s="703" t="s">
        <v>686</v>
      </c>
      <c r="B88" s="345">
        <v>45533800</v>
      </c>
      <c r="C88" s="345">
        <v>41238299.999999993</v>
      </c>
      <c r="D88" s="345">
        <v>1902328.2999999998</v>
      </c>
      <c r="E88" s="345">
        <v>3863320.2700000023</v>
      </c>
      <c r="F88" s="345">
        <v>7.4890655644964083E-2</v>
      </c>
      <c r="G88" s="345">
        <v>37374979.729999989</v>
      </c>
      <c r="H88" s="345">
        <v>1526668.8500000003</v>
      </c>
      <c r="I88" s="345">
        <v>3271471.9800000023</v>
      </c>
      <c r="J88" s="345">
        <v>8.0897147832910049E-2</v>
      </c>
      <c r="K88" s="345">
        <v>37966828.019999988</v>
      </c>
      <c r="L88" s="375"/>
    </row>
    <row r="89" spans="1:13" ht="10.5" x14ac:dyDescent="0.2">
      <c r="A89" s="703"/>
      <c r="B89" s="345"/>
      <c r="C89" s="358"/>
      <c r="D89" s="358"/>
      <c r="E89" s="358"/>
      <c r="F89" s="358"/>
      <c r="G89" s="358"/>
      <c r="H89" s="358"/>
      <c r="I89" s="358"/>
      <c r="J89" s="358"/>
      <c r="K89" s="358"/>
      <c r="L89" s="375"/>
    </row>
    <row r="90" spans="1:13" s="76" customFormat="1" ht="10.5" x14ac:dyDescent="0.2">
      <c r="A90" s="161" t="s">
        <v>687</v>
      </c>
      <c r="B90" s="358">
        <v>118561400</v>
      </c>
      <c r="C90" s="358">
        <v>118903379</v>
      </c>
      <c r="D90" s="358">
        <v>33427352.239999998</v>
      </c>
      <c r="E90" s="358">
        <v>68535894.549999997</v>
      </c>
      <c r="F90" s="358">
        <v>1.3285717257046405</v>
      </c>
      <c r="G90" s="358">
        <v>50367484.450000003</v>
      </c>
      <c r="H90" s="358">
        <v>38227044.07</v>
      </c>
      <c r="I90" s="358">
        <v>65425164.270000003</v>
      </c>
      <c r="J90" s="358">
        <v>1.6178372360513422</v>
      </c>
      <c r="K90" s="358">
        <v>53478214.729999997</v>
      </c>
      <c r="L90" s="375"/>
      <c r="M90" s="176"/>
    </row>
    <row r="91" spans="1:13" ht="10.5" x14ac:dyDescent="0.2">
      <c r="A91" s="703" t="s">
        <v>658</v>
      </c>
      <c r="B91" s="345">
        <v>7712200</v>
      </c>
      <c r="C91" s="345">
        <v>7687600</v>
      </c>
      <c r="D91" s="345">
        <v>1206805.4799999997</v>
      </c>
      <c r="E91" s="345">
        <v>2453362.2200000016</v>
      </c>
      <c r="F91" s="345">
        <v>4.7558548696348339E-2</v>
      </c>
      <c r="G91" s="345">
        <v>5234237.7799999984</v>
      </c>
      <c r="H91" s="345">
        <v>1182789.71</v>
      </c>
      <c r="I91" s="345">
        <v>2327242.3300000019</v>
      </c>
      <c r="J91" s="345">
        <v>5.7548182580801459E-2</v>
      </c>
      <c r="K91" s="345">
        <v>5360357.6699999981</v>
      </c>
      <c r="L91" s="375"/>
    </row>
    <row r="92" spans="1:13" ht="10.5" x14ac:dyDescent="0.2">
      <c r="A92" s="703" t="s">
        <v>688</v>
      </c>
      <c r="B92" s="345">
        <v>105965000</v>
      </c>
      <c r="C92" s="345">
        <v>105865000</v>
      </c>
      <c r="D92" s="345">
        <v>31984733.959999997</v>
      </c>
      <c r="E92" s="345">
        <v>64852094.699999996</v>
      </c>
      <c r="F92" s="345">
        <v>1.2571610823330206</v>
      </c>
      <c r="G92" s="345">
        <v>41012905.300000004</v>
      </c>
      <c r="H92" s="345">
        <v>36831688.740000002</v>
      </c>
      <c r="I92" s="345">
        <v>62199959.759999998</v>
      </c>
      <c r="J92" s="345">
        <v>1.5380841928854829</v>
      </c>
      <c r="K92" s="345">
        <v>43665040.240000002</v>
      </c>
      <c r="L92" s="375"/>
    </row>
    <row r="93" spans="1:13" ht="10.5" x14ac:dyDescent="0.2">
      <c r="A93" s="703" t="s">
        <v>689</v>
      </c>
      <c r="B93" s="345">
        <v>4684200</v>
      </c>
      <c r="C93" s="345">
        <v>5150779</v>
      </c>
      <c r="D93" s="345">
        <v>235812.80000000002</v>
      </c>
      <c r="E93" s="345">
        <v>1230437.6299999999</v>
      </c>
      <c r="F93" s="345">
        <v>2.3852094675271555E-2</v>
      </c>
      <c r="G93" s="345">
        <v>3920341.37</v>
      </c>
      <c r="H93" s="345">
        <v>212565.62</v>
      </c>
      <c r="I93" s="345">
        <v>897962.18</v>
      </c>
      <c r="J93" s="345">
        <v>2.2204860585057537E-2</v>
      </c>
      <c r="K93" s="345">
        <v>4252816.82</v>
      </c>
      <c r="L93" s="375"/>
    </row>
    <row r="94" spans="1:13" s="305" customFormat="1" ht="10.5" x14ac:dyDescent="0.2">
      <c r="A94" s="703" t="s">
        <v>690</v>
      </c>
      <c r="B94" s="345">
        <v>200000</v>
      </c>
      <c r="C94" s="345">
        <v>200000</v>
      </c>
      <c r="D94" s="345">
        <v>0</v>
      </c>
      <c r="E94" s="345">
        <v>0</v>
      </c>
      <c r="F94" s="345"/>
      <c r="G94" s="345">
        <v>200000</v>
      </c>
      <c r="H94" s="345">
        <v>0</v>
      </c>
      <c r="I94" s="345">
        <v>0</v>
      </c>
      <c r="J94" s="639">
        <v>0</v>
      </c>
      <c r="K94" s="345">
        <v>200000</v>
      </c>
      <c r="L94" s="375"/>
      <c r="M94" s="243"/>
    </row>
    <row r="95" spans="1:13" ht="10.5" x14ac:dyDescent="0.2">
      <c r="A95" s="703"/>
      <c r="B95" s="345"/>
      <c r="C95" s="345"/>
      <c r="D95" s="345"/>
      <c r="E95" s="345"/>
      <c r="F95" s="345"/>
      <c r="G95" s="345"/>
      <c r="H95" s="345"/>
      <c r="I95" s="345"/>
      <c r="J95" s="358"/>
      <c r="K95" s="358"/>
      <c r="L95" s="375"/>
    </row>
    <row r="96" spans="1:13" s="76" customFormat="1" ht="10.5" x14ac:dyDescent="0.2">
      <c r="A96" s="161" t="s">
        <v>691</v>
      </c>
      <c r="B96" s="358">
        <v>23514000</v>
      </c>
      <c r="C96" s="358">
        <v>23500000</v>
      </c>
      <c r="D96" s="358">
        <v>3500000</v>
      </c>
      <c r="E96" s="358">
        <v>4924842.91</v>
      </c>
      <c r="F96" s="358">
        <v>9.5468324835091309E-2</v>
      </c>
      <c r="G96" s="358">
        <v>18575157.09</v>
      </c>
      <c r="H96" s="358">
        <v>1926111.5899999999</v>
      </c>
      <c r="I96" s="358">
        <v>2943426.29</v>
      </c>
      <c r="J96" s="358">
        <v>7.278521508761443E-2</v>
      </c>
      <c r="K96" s="358">
        <v>20556573.710000001</v>
      </c>
      <c r="L96" s="375"/>
      <c r="M96" s="176"/>
    </row>
    <row r="97" spans="1:13" s="305" customFormat="1" ht="10.5" x14ac:dyDescent="0.2">
      <c r="A97" s="703" t="s">
        <v>692</v>
      </c>
      <c r="B97" s="345">
        <v>23500000</v>
      </c>
      <c r="C97" s="345">
        <v>23500000</v>
      </c>
      <c r="D97" s="345">
        <v>3500000</v>
      </c>
      <c r="E97" s="345">
        <v>4924842.91</v>
      </c>
      <c r="F97" s="345">
        <v>9.5468324835091309E-2</v>
      </c>
      <c r="G97" s="345">
        <v>18575157.09</v>
      </c>
      <c r="H97" s="345">
        <v>1926111.5899999999</v>
      </c>
      <c r="I97" s="345">
        <v>2943426.29</v>
      </c>
      <c r="J97" s="345">
        <v>7.278521508761443E-2</v>
      </c>
      <c r="K97" s="345">
        <v>20556573.710000001</v>
      </c>
      <c r="L97" s="346"/>
      <c r="M97" s="243"/>
    </row>
    <row r="98" spans="1:13" s="305" customFormat="1" ht="10.5" x14ac:dyDescent="0.2">
      <c r="A98" s="703" t="s">
        <v>693</v>
      </c>
      <c r="B98" s="345">
        <v>14000</v>
      </c>
      <c r="C98" s="345"/>
      <c r="D98" s="345">
        <v>0</v>
      </c>
      <c r="E98" s="345">
        <v>0</v>
      </c>
      <c r="F98" s="345">
        <v>0</v>
      </c>
      <c r="G98" s="345">
        <v>0</v>
      </c>
      <c r="H98" s="345">
        <v>0</v>
      </c>
      <c r="I98" s="345">
        <v>0</v>
      </c>
      <c r="J98" s="345">
        <v>0</v>
      </c>
      <c r="K98" s="345">
        <v>0</v>
      </c>
      <c r="L98" s="346"/>
      <c r="M98" s="243"/>
    </row>
    <row r="99" spans="1:13" ht="10.5" x14ac:dyDescent="0.2">
      <c r="A99" s="703"/>
      <c r="B99" s="345"/>
      <c r="C99" s="358"/>
      <c r="D99" s="358"/>
      <c r="E99" s="358"/>
      <c r="F99" s="358"/>
      <c r="G99" s="358"/>
      <c r="H99" s="358"/>
      <c r="I99" s="358"/>
      <c r="J99" s="358"/>
      <c r="K99" s="358"/>
      <c r="L99" s="375"/>
    </row>
    <row r="100" spans="1:13" s="76" customFormat="1" ht="10.5" x14ac:dyDescent="0.2">
      <c r="A100" s="194" t="s">
        <v>765</v>
      </c>
      <c r="B100" s="358">
        <v>80752700</v>
      </c>
      <c r="C100" s="358">
        <v>80766700</v>
      </c>
      <c r="D100" s="358">
        <v>6035978.6600000001</v>
      </c>
      <c r="E100" s="358">
        <v>15840271.729999997</v>
      </c>
      <c r="F100" s="358">
        <v>0.30706445558397583</v>
      </c>
      <c r="G100" s="358">
        <v>64926428.269999996</v>
      </c>
      <c r="H100" s="358">
        <v>5379342.540000001</v>
      </c>
      <c r="I100" s="358">
        <v>8655190.4500000011</v>
      </c>
      <c r="J100" s="358">
        <v>0.21402604871328929</v>
      </c>
      <c r="K100" s="358">
        <v>72111509.549999997</v>
      </c>
      <c r="L100" s="375"/>
      <c r="M100" s="176"/>
    </row>
    <row r="101" spans="1:13" ht="10.5" x14ac:dyDescent="0.2">
      <c r="A101" s="703" t="s">
        <v>653</v>
      </c>
      <c r="B101" s="345">
        <v>25865000</v>
      </c>
      <c r="C101" s="345">
        <v>24748879.999999996</v>
      </c>
      <c r="D101" s="345">
        <v>2420039.2899999996</v>
      </c>
      <c r="E101" s="345">
        <v>5180222.6099999985</v>
      </c>
      <c r="F101" s="345">
        <v>0.10041887302544728</v>
      </c>
      <c r="G101" s="345">
        <v>19568657.389999997</v>
      </c>
      <c r="H101" s="345">
        <v>2076354.85</v>
      </c>
      <c r="I101" s="345">
        <v>4736769.53</v>
      </c>
      <c r="J101" s="345">
        <v>0.11713111017348027</v>
      </c>
      <c r="K101" s="345">
        <v>20012110.469999995</v>
      </c>
      <c r="L101" s="375"/>
    </row>
    <row r="102" spans="1:13" ht="10.5" x14ac:dyDescent="0.2">
      <c r="A102" s="703" t="s">
        <v>654</v>
      </c>
      <c r="B102" s="345">
        <v>570000</v>
      </c>
      <c r="C102" s="345">
        <v>0</v>
      </c>
      <c r="D102" s="345">
        <v>0</v>
      </c>
      <c r="E102" s="345">
        <v>0</v>
      </c>
      <c r="F102" s="345">
        <v>0</v>
      </c>
      <c r="G102" s="345">
        <v>0</v>
      </c>
      <c r="H102" s="345">
        <v>0</v>
      </c>
      <c r="I102" s="345">
        <v>0</v>
      </c>
      <c r="J102" s="345">
        <v>0</v>
      </c>
      <c r="K102" s="345">
        <v>0</v>
      </c>
      <c r="L102" s="375"/>
    </row>
    <row r="103" spans="1:13" ht="10.5" x14ac:dyDescent="0.2">
      <c r="A103" s="703" t="s">
        <v>695</v>
      </c>
      <c r="B103" s="345">
        <v>54317700</v>
      </c>
      <c r="C103" s="345">
        <v>56017820</v>
      </c>
      <c r="D103" s="345">
        <v>3615939.37</v>
      </c>
      <c r="E103" s="345">
        <v>10660049.119999997</v>
      </c>
      <c r="F103" s="345">
        <v>0.20664558255852855</v>
      </c>
      <c r="G103" s="345">
        <v>45357770.880000003</v>
      </c>
      <c r="H103" s="345">
        <v>3302987.6900000004</v>
      </c>
      <c r="I103" s="345">
        <v>3918420.9200000004</v>
      </c>
      <c r="J103" s="345">
        <v>9.6894938539808989E-2</v>
      </c>
      <c r="K103" s="345">
        <v>52099399.079999998</v>
      </c>
      <c r="L103" s="375"/>
    </row>
    <row r="104" spans="1:13" ht="10.5" x14ac:dyDescent="0.2">
      <c r="A104" s="703"/>
      <c r="B104" s="345"/>
      <c r="C104" s="345"/>
      <c r="D104" s="345"/>
      <c r="E104" s="345"/>
      <c r="F104" s="345"/>
      <c r="G104" s="345"/>
      <c r="H104" s="345"/>
      <c r="I104" s="345"/>
      <c r="J104" s="345"/>
      <c r="K104" s="345"/>
      <c r="L104" s="375"/>
    </row>
    <row r="105" spans="1:13" s="76" customFormat="1" ht="10.5" x14ac:dyDescent="0.2">
      <c r="A105" s="161" t="s">
        <v>696</v>
      </c>
      <c r="B105" s="358">
        <v>26500000</v>
      </c>
      <c r="C105" s="358">
        <v>76500000</v>
      </c>
      <c r="D105" s="358">
        <v>6815918.29</v>
      </c>
      <c r="E105" s="358">
        <v>25674791.750000004</v>
      </c>
      <c r="F105" s="358">
        <v>0.4977071154666175</v>
      </c>
      <c r="G105" s="358">
        <v>50825208.25</v>
      </c>
      <c r="H105" s="358">
        <v>2241375.5199999996</v>
      </c>
      <c r="I105" s="358">
        <v>6295455.0499999998</v>
      </c>
      <c r="J105" s="358">
        <v>0.15567437562319875</v>
      </c>
      <c r="K105" s="358">
        <v>70204544.950000003</v>
      </c>
      <c r="L105" s="375"/>
      <c r="M105" s="176"/>
    </row>
    <row r="106" spans="1:13" ht="10.5" x14ac:dyDescent="0.2">
      <c r="A106" s="703" t="s">
        <v>697</v>
      </c>
      <c r="B106" s="345">
        <v>26500000</v>
      </c>
      <c r="C106" s="345">
        <v>76500000</v>
      </c>
      <c r="D106" s="345">
        <v>6815918.29</v>
      </c>
      <c r="E106" s="345">
        <v>25674791.750000004</v>
      </c>
      <c r="F106" s="345">
        <v>0.4977071154666175</v>
      </c>
      <c r="G106" s="345">
        <v>50825208.25</v>
      </c>
      <c r="H106" s="345">
        <v>2241375.5199999996</v>
      </c>
      <c r="I106" s="345">
        <v>6295455.0499999998</v>
      </c>
      <c r="J106" s="345">
        <v>0.15567437562319875</v>
      </c>
      <c r="K106" s="345">
        <v>70204544.950000003</v>
      </c>
      <c r="L106" s="375"/>
    </row>
    <row r="107" spans="1:13" ht="10.5" x14ac:dyDescent="0.2">
      <c r="A107" s="703"/>
      <c r="B107" s="345"/>
      <c r="C107" s="358"/>
      <c r="D107" s="358"/>
      <c r="E107" s="358"/>
      <c r="F107" s="358"/>
      <c r="G107" s="358"/>
      <c r="H107" s="358"/>
      <c r="I107" s="358"/>
      <c r="J107" s="345"/>
      <c r="K107" s="345"/>
      <c r="L107" s="375"/>
    </row>
    <row r="108" spans="1:13" s="76" customFormat="1" ht="10.5" x14ac:dyDescent="0.2">
      <c r="A108" s="161" t="s">
        <v>698</v>
      </c>
      <c r="B108" s="358">
        <v>117143000</v>
      </c>
      <c r="C108" s="358">
        <v>124327500</v>
      </c>
      <c r="D108" s="358">
        <v>5280753.1199999973</v>
      </c>
      <c r="E108" s="358">
        <v>11059929.5</v>
      </c>
      <c r="F108" s="358">
        <v>0.21439728361999852</v>
      </c>
      <c r="G108" s="358">
        <v>113267570.5</v>
      </c>
      <c r="H108" s="358">
        <v>5402130.79</v>
      </c>
      <c r="I108" s="358">
        <v>9699250.959999999</v>
      </c>
      <c r="J108" s="358">
        <v>0.23984363723011745</v>
      </c>
      <c r="K108" s="358">
        <v>114628249.03999999</v>
      </c>
      <c r="L108" s="375"/>
      <c r="M108" s="176"/>
    </row>
    <row r="109" spans="1:13" ht="10.5" x14ac:dyDescent="0.2">
      <c r="A109" s="703" t="s">
        <v>766</v>
      </c>
      <c r="B109" s="345">
        <v>35065000</v>
      </c>
      <c r="C109" s="345">
        <v>42065000</v>
      </c>
      <c r="D109" s="345">
        <v>4526892.6099999975</v>
      </c>
      <c r="E109" s="345">
        <v>9135698.040000001</v>
      </c>
      <c r="F109" s="358">
        <v>0.17709596103198894</v>
      </c>
      <c r="G109" s="345">
        <v>32929301.960000001</v>
      </c>
      <c r="H109" s="345">
        <v>4271811.29</v>
      </c>
      <c r="I109" s="345">
        <v>8192622.7099999972</v>
      </c>
      <c r="J109" s="345">
        <v>0.20258764695582857</v>
      </c>
      <c r="K109" s="345">
        <v>33872377.290000007</v>
      </c>
      <c r="L109" s="375"/>
    </row>
    <row r="110" spans="1:13" ht="10.5" x14ac:dyDescent="0.2">
      <c r="A110" s="703" t="s">
        <v>699</v>
      </c>
      <c r="B110" s="345">
        <v>65739300</v>
      </c>
      <c r="C110" s="345">
        <v>65744199.999999993</v>
      </c>
      <c r="D110" s="345">
        <v>369314.58000000013</v>
      </c>
      <c r="E110" s="345">
        <v>1188903.5799999994</v>
      </c>
      <c r="F110" s="358">
        <v>2.3046955049586121E-2</v>
      </c>
      <c r="G110" s="345">
        <v>64555296.419999994</v>
      </c>
      <c r="H110" s="345">
        <v>762052.38000000012</v>
      </c>
      <c r="I110" s="345">
        <v>1058106.4000000001</v>
      </c>
      <c r="J110" s="345">
        <v>2.6164916094970868E-2</v>
      </c>
      <c r="K110" s="345">
        <v>64686093.599999994</v>
      </c>
      <c r="L110" s="375"/>
    </row>
    <row r="111" spans="1:13" ht="10.5" x14ac:dyDescent="0.2">
      <c r="A111" s="703" t="s">
        <v>700</v>
      </c>
      <c r="B111" s="345">
        <v>13213000</v>
      </c>
      <c r="C111" s="345">
        <v>13213000</v>
      </c>
      <c r="D111" s="345">
        <v>254295.93000000002</v>
      </c>
      <c r="E111" s="345">
        <v>444520.19</v>
      </c>
      <c r="F111" s="358">
        <v>8.6170459992756399E-3</v>
      </c>
      <c r="G111" s="345">
        <v>12768479.810000001</v>
      </c>
      <c r="H111" s="345">
        <v>243430.09</v>
      </c>
      <c r="I111" s="345">
        <v>280843.04000000004</v>
      </c>
      <c r="J111" s="345">
        <v>6.9447028932596447E-3</v>
      </c>
      <c r="K111" s="345">
        <v>12932156.960000001</v>
      </c>
      <c r="L111" s="375"/>
    </row>
    <row r="112" spans="1:13" ht="10.5" x14ac:dyDescent="0.2">
      <c r="A112" s="703" t="s">
        <v>702</v>
      </c>
      <c r="B112" s="345">
        <v>840000</v>
      </c>
      <c r="C112" s="345">
        <v>840000</v>
      </c>
      <c r="D112" s="345">
        <v>130250</v>
      </c>
      <c r="E112" s="345">
        <v>290807.69</v>
      </c>
      <c r="F112" s="358">
        <v>5.6373215391478416E-3</v>
      </c>
      <c r="G112" s="345">
        <v>549192.31000000006</v>
      </c>
      <c r="H112" s="345">
        <v>124837.03</v>
      </c>
      <c r="I112" s="345">
        <v>167678.81</v>
      </c>
      <c r="J112" s="345">
        <v>4.1463712860583405E-3</v>
      </c>
      <c r="K112" s="345">
        <v>672321.19</v>
      </c>
      <c r="L112" s="375"/>
    </row>
    <row r="113" spans="1:13" ht="10.5" x14ac:dyDescent="0.2">
      <c r="A113" s="703" t="s">
        <v>703</v>
      </c>
      <c r="B113" s="345">
        <v>2285700</v>
      </c>
      <c r="C113" s="345">
        <v>2465300</v>
      </c>
      <c r="D113" s="345">
        <v>0</v>
      </c>
      <c r="E113" s="345">
        <v>0</v>
      </c>
      <c r="F113" s="358">
        <v>0</v>
      </c>
      <c r="G113" s="345">
        <v>2465300</v>
      </c>
      <c r="H113" s="345">
        <v>0</v>
      </c>
      <c r="I113" s="345">
        <v>0</v>
      </c>
      <c r="J113" s="345">
        <v>0</v>
      </c>
      <c r="K113" s="345">
        <v>2465300</v>
      </c>
      <c r="L113" s="375"/>
    </row>
    <row r="114" spans="1:13" ht="10.5" x14ac:dyDescent="0.2">
      <c r="A114" s="703"/>
      <c r="B114" s="345"/>
      <c r="C114" s="358"/>
      <c r="D114" s="358"/>
      <c r="E114" s="358"/>
      <c r="F114" s="358"/>
      <c r="G114" s="358"/>
      <c r="H114" s="358"/>
      <c r="I114" s="358"/>
      <c r="J114" s="358"/>
      <c r="K114" s="358"/>
      <c r="L114" s="375"/>
    </row>
    <row r="115" spans="1:13" s="76" customFormat="1" ht="10.5" x14ac:dyDescent="0.2">
      <c r="A115" s="161" t="s">
        <v>704</v>
      </c>
      <c r="B115" s="358">
        <v>67988300</v>
      </c>
      <c r="C115" s="358">
        <v>63461900</v>
      </c>
      <c r="D115" s="358">
        <v>2120252.37</v>
      </c>
      <c r="E115" s="358">
        <v>2822027.3</v>
      </c>
      <c r="F115" s="358">
        <v>5.4705139614269566E-2</v>
      </c>
      <c r="G115" s="358">
        <v>60639872.700000003</v>
      </c>
      <c r="H115" s="358">
        <v>1987023.7000000002</v>
      </c>
      <c r="I115" s="358">
        <v>2506307.2999999998</v>
      </c>
      <c r="J115" s="358">
        <v>6.1976111488138592E-2</v>
      </c>
      <c r="K115" s="358">
        <v>60955592.700000003</v>
      </c>
      <c r="L115" s="375"/>
      <c r="M115" s="176"/>
    </row>
    <row r="116" spans="1:13" ht="10.5" x14ac:dyDescent="0.2">
      <c r="A116" s="703" t="s">
        <v>705</v>
      </c>
      <c r="B116" s="345">
        <v>67264300</v>
      </c>
      <c r="C116" s="345">
        <v>62737900</v>
      </c>
      <c r="D116" s="345">
        <v>2120252.37</v>
      </c>
      <c r="E116" s="345">
        <v>2822027.3</v>
      </c>
      <c r="F116" s="345">
        <v>5.4705139614269566E-2</v>
      </c>
      <c r="G116" s="345">
        <v>59915872.700000003</v>
      </c>
      <c r="H116" s="345">
        <v>1987023.7000000002</v>
      </c>
      <c r="I116" s="345">
        <v>2506307.2999999998</v>
      </c>
      <c r="J116" s="345">
        <v>6.1976111488138592E-2</v>
      </c>
      <c r="K116" s="345">
        <v>60231592.700000003</v>
      </c>
      <c r="L116" s="375"/>
    </row>
    <row r="117" spans="1:13" ht="10.5" x14ac:dyDescent="0.2">
      <c r="A117" s="703" t="s">
        <v>707</v>
      </c>
      <c r="B117" s="345">
        <v>724000</v>
      </c>
      <c r="C117" s="345">
        <v>724000</v>
      </c>
      <c r="D117" s="345">
        <v>0</v>
      </c>
      <c r="E117" s="345">
        <v>0</v>
      </c>
      <c r="F117" s="345">
        <v>0</v>
      </c>
      <c r="G117" s="345">
        <v>724000</v>
      </c>
      <c r="H117" s="345">
        <v>0</v>
      </c>
      <c r="I117" s="345">
        <v>0</v>
      </c>
      <c r="J117" s="345">
        <v>0</v>
      </c>
      <c r="K117" s="345">
        <v>724000</v>
      </c>
      <c r="L117" s="375"/>
    </row>
    <row r="118" spans="1:13" ht="10.5" x14ac:dyDescent="0.2">
      <c r="A118" s="703"/>
      <c r="B118" s="345"/>
      <c r="C118" s="358"/>
      <c r="D118" s="358"/>
      <c r="E118" s="358"/>
      <c r="F118" s="358"/>
      <c r="G118" s="345"/>
      <c r="H118" s="358"/>
      <c r="I118" s="358"/>
      <c r="J118" s="345"/>
      <c r="K118" s="345"/>
      <c r="L118" s="375"/>
    </row>
    <row r="119" spans="1:13" s="76" customFormat="1" ht="10.5" x14ac:dyDescent="0.2">
      <c r="A119" s="161" t="s">
        <v>708</v>
      </c>
      <c r="B119" s="358">
        <v>191777800</v>
      </c>
      <c r="C119" s="358">
        <v>185214499.99999997</v>
      </c>
      <c r="D119" s="358">
        <v>20238027.520000007</v>
      </c>
      <c r="E119" s="358">
        <v>42093842.619999997</v>
      </c>
      <c r="F119" s="358">
        <v>0.81599123347537805</v>
      </c>
      <c r="G119" s="358">
        <v>143120657.37999997</v>
      </c>
      <c r="H119" s="358">
        <v>19178530.609999999</v>
      </c>
      <c r="I119" s="358">
        <v>38653679.409999996</v>
      </c>
      <c r="J119" s="358">
        <v>0.9558304141479087</v>
      </c>
      <c r="K119" s="358">
        <v>146560820.58999997</v>
      </c>
      <c r="L119" s="375"/>
      <c r="M119" s="176"/>
    </row>
    <row r="120" spans="1:13" ht="10.5" x14ac:dyDescent="0.2">
      <c r="A120" s="703" t="s">
        <v>653</v>
      </c>
      <c r="B120" s="345">
        <v>106216600</v>
      </c>
      <c r="C120" s="345">
        <v>88629099.99999997</v>
      </c>
      <c r="D120" s="345">
        <v>15873692.410000006</v>
      </c>
      <c r="E120" s="345">
        <v>31866814.859999999</v>
      </c>
      <c r="F120" s="345">
        <v>0.61773979152447611</v>
      </c>
      <c r="G120" s="345">
        <v>56762285.139999971</v>
      </c>
      <c r="H120" s="345">
        <v>14734210.83</v>
      </c>
      <c r="I120" s="345">
        <v>30390675.809999999</v>
      </c>
      <c r="J120" s="345">
        <v>0.7515023844843115</v>
      </c>
      <c r="K120" s="345">
        <v>58238424.189999968</v>
      </c>
      <c r="L120" s="375"/>
    </row>
    <row r="121" spans="1:13" ht="10.5" x14ac:dyDescent="0.2">
      <c r="A121" s="703" t="s">
        <v>656</v>
      </c>
      <c r="B121" s="345">
        <v>224000</v>
      </c>
      <c r="C121" s="345">
        <v>224000</v>
      </c>
      <c r="D121" s="345">
        <v>0</v>
      </c>
      <c r="E121" s="345">
        <v>0</v>
      </c>
      <c r="F121" s="345">
        <v>0</v>
      </c>
      <c r="G121" s="345">
        <v>224000</v>
      </c>
      <c r="H121" s="345">
        <v>0</v>
      </c>
      <c r="I121" s="345">
        <v>0</v>
      </c>
      <c r="J121" s="345">
        <v>0</v>
      </c>
      <c r="K121" s="345">
        <v>224000</v>
      </c>
      <c r="L121" s="375"/>
    </row>
    <row r="122" spans="1:13" ht="10.5" x14ac:dyDescent="0.2">
      <c r="A122" s="703" t="s">
        <v>700</v>
      </c>
      <c r="B122" s="345">
        <v>1962100</v>
      </c>
      <c r="C122" s="345">
        <v>1962100</v>
      </c>
      <c r="D122" s="345">
        <v>0</v>
      </c>
      <c r="E122" s="345">
        <v>0</v>
      </c>
      <c r="F122" s="345">
        <v>0</v>
      </c>
      <c r="G122" s="345">
        <v>1962100</v>
      </c>
      <c r="H122" s="345">
        <v>0</v>
      </c>
      <c r="I122" s="345">
        <v>0</v>
      </c>
      <c r="J122" s="345">
        <v>0</v>
      </c>
      <c r="K122" s="345">
        <v>1962100</v>
      </c>
      <c r="L122" s="375"/>
    </row>
    <row r="123" spans="1:13" ht="10.5" x14ac:dyDescent="0.2">
      <c r="A123" s="703" t="s">
        <v>701</v>
      </c>
      <c r="B123" s="345">
        <v>1816300</v>
      </c>
      <c r="C123" s="345">
        <v>1816300</v>
      </c>
      <c r="D123" s="345">
        <v>0</v>
      </c>
      <c r="E123" s="345">
        <v>0</v>
      </c>
      <c r="F123" s="345">
        <v>0</v>
      </c>
      <c r="G123" s="345">
        <v>1816300</v>
      </c>
      <c r="H123" s="345">
        <v>0</v>
      </c>
      <c r="I123" s="345">
        <v>0</v>
      </c>
      <c r="J123" s="345">
        <v>0</v>
      </c>
      <c r="K123" s="345">
        <v>1816300</v>
      </c>
      <c r="L123" s="375"/>
    </row>
    <row r="124" spans="1:13" ht="10.5" x14ac:dyDescent="0.2">
      <c r="A124" s="703" t="s">
        <v>706</v>
      </c>
      <c r="B124" s="345">
        <v>1018900</v>
      </c>
      <c r="C124" s="345">
        <v>1018900</v>
      </c>
      <c r="D124" s="345">
        <v>0</v>
      </c>
      <c r="E124" s="345">
        <v>0</v>
      </c>
      <c r="F124" s="345">
        <v>0</v>
      </c>
      <c r="G124" s="345">
        <v>1018900</v>
      </c>
      <c r="H124" s="345">
        <v>0</v>
      </c>
      <c r="I124" s="345">
        <v>0</v>
      </c>
      <c r="J124" s="345">
        <v>0</v>
      </c>
      <c r="K124" s="345">
        <v>1018900</v>
      </c>
      <c r="L124" s="375"/>
    </row>
    <row r="125" spans="1:13" ht="10.5" x14ac:dyDescent="0.2">
      <c r="A125" s="703" t="s">
        <v>707</v>
      </c>
      <c r="B125" s="345">
        <v>0</v>
      </c>
      <c r="C125" s="345">
        <v>1268800</v>
      </c>
      <c r="D125" s="345">
        <v>10700</v>
      </c>
      <c r="E125" s="345">
        <v>530359.23</v>
      </c>
      <c r="F125" s="345">
        <v>1.0281040060408525E-2</v>
      </c>
      <c r="G125" s="345">
        <v>738440.77</v>
      </c>
      <c r="H125" s="345">
        <v>74542.47</v>
      </c>
      <c r="I125" s="345">
        <v>74963.930000000008</v>
      </c>
      <c r="J125" s="345">
        <v>1.8537123852565955E-3</v>
      </c>
      <c r="K125" s="345">
        <v>1193836.07</v>
      </c>
      <c r="L125" s="375"/>
    </row>
    <row r="126" spans="1:13" ht="10.5" x14ac:dyDescent="0.2">
      <c r="A126" s="703" t="s">
        <v>709</v>
      </c>
      <c r="B126" s="345">
        <v>33807500</v>
      </c>
      <c r="C126" s="345">
        <v>68323400</v>
      </c>
      <c r="D126" s="345">
        <v>3922995.11</v>
      </c>
      <c r="E126" s="345">
        <v>9266028.5299999993</v>
      </c>
      <c r="F126" s="345">
        <v>0.17962242406494616</v>
      </c>
      <c r="G126" s="345">
        <v>59057371.469999999</v>
      </c>
      <c r="H126" s="345">
        <v>3939137.3100000005</v>
      </c>
      <c r="I126" s="345">
        <v>7757399.6700000009</v>
      </c>
      <c r="J126" s="345">
        <v>0.19182542651731876</v>
      </c>
      <c r="K126" s="345">
        <v>60566000.329999998</v>
      </c>
      <c r="L126" s="375"/>
    </row>
    <row r="127" spans="1:13" ht="10.5" x14ac:dyDescent="0.2">
      <c r="A127" s="703" t="s">
        <v>710</v>
      </c>
      <c r="B127" s="345">
        <v>1145400</v>
      </c>
      <c r="C127" s="345">
        <v>965800</v>
      </c>
      <c r="D127" s="345">
        <v>0</v>
      </c>
      <c r="E127" s="345">
        <v>0</v>
      </c>
      <c r="F127" s="345">
        <v>0</v>
      </c>
      <c r="G127" s="345">
        <v>965800</v>
      </c>
      <c r="H127" s="345">
        <v>0</v>
      </c>
      <c r="I127" s="345">
        <v>0</v>
      </c>
      <c r="J127" s="345">
        <v>0</v>
      </c>
      <c r="K127" s="345">
        <v>965800</v>
      </c>
      <c r="L127" s="375"/>
    </row>
    <row r="128" spans="1:13" ht="10.5" x14ac:dyDescent="0.2">
      <c r="A128" s="703" t="s">
        <v>767</v>
      </c>
      <c r="B128" s="345">
        <v>15960100</v>
      </c>
      <c r="C128" s="345">
        <v>21006100</v>
      </c>
      <c r="D128" s="345">
        <v>430640</v>
      </c>
      <c r="E128" s="345">
        <v>430640</v>
      </c>
      <c r="F128" s="345">
        <v>8.3479778255472759E-3</v>
      </c>
      <c r="G128" s="345">
        <v>20575460</v>
      </c>
      <c r="H128" s="345">
        <v>430640</v>
      </c>
      <c r="I128" s="345">
        <v>430640</v>
      </c>
      <c r="J128" s="345">
        <v>1.0648890761022003E-2</v>
      </c>
      <c r="K128" s="345">
        <v>20575460</v>
      </c>
      <c r="L128" s="375"/>
    </row>
    <row r="129" spans="1:13" ht="10.5" x14ac:dyDescent="0.2">
      <c r="A129" s="25" t="s">
        <v>768</v>
      </c>
      <c r="B129" s="345">
        <v>29626900</v>
      </c>
      <c r="C129" s="345">
        <v>0</v>
      </c>
      <c r="D129" s="345">
        <v>0</v>
      </c>
      <c r="E129" s="345">
        <v>0</v>
      </c>
      <c r="F129" s="345">
        <v>0</v>
      </c>
      <c r="G129" s="345">
        <v>0</v>
      </c>
      <c r="H129" s="345">
        <v>0</v>
      </c>
      <c r="I129" s="345">
        <v>0</v>
      </c>
      <c r="J129" s="345">
        <v>0</v>
      </c>
      <c r="K129" s="345">
        <v>0</v>
      </c>
      <c r="L129" s="375"/>
    </row>
    <row r="130" spans="1:13" ht="10.5" x14ac:dyDescent="0.2">
      <c r="A130" s="703"/>
      <c r="B130" s="345"/>
      <c r="C130" s="345"/>
      <c r="D130" s="345"/>
      <c r="E130" s="345"/>
      <c r="F130" s="345"/>
      <c r="G130" s="345"/>
      <c r="H130" s="345"/>
      <c r="I130" s="345"/>
      <c r="J130" s="358"/>
      <c r="K130" s="358"/>
      <c r="L130" s="375"/>
    </row>
    <row r="131" spans="1:13" s="76" customFormat="1" ht="10.5" x14ac:dyDescent="0.2">
      <c r="A131" s="161" t="s">
        <v>711</v>
      </c>
      <c r="B131" s="358">
        <v>4674800</v>
      </c>
      <c r="C131" s="358">
        <v>4785800</v>
      </c>
      <c r="D131" s="358">
        <v>89951.44</v>
      </c>
      <c r="E131" s="358">
        <v>1838266.7000000002</v>
      </c>
      <c r="F131" s="358">
        <v>3.5634891438421815E-2</v>
      </c>
      <c r="G131" s="358">
        <v>2947533.3</v>
      </c>
      <c r="H131" s="358">
        <v>308307.45</v>
      </c>
      <c r="I131" s="358">
        <v>493259.58</v>
      </c>
      <c r="J131" s="358">
        <v>1.2197351347407565E-2</v>
      </c>
      <c r="K131" s="358">
        <v>4292540.42</v>
      </c>
      <c r="L131" s="375"/>
      <c r="M131" s="176"/>
    </row>
    <row r="132" spans="1:13" ht="10.5" x14ac:dyDescent="0.2">
      <c r="A132" s="703" t="s">
        <v>712</v>
      </c>
      <c r="B132" s="345">
        <v>4674800</v>
      </c>
      <c r="C132" s="345">
        <v>4785800</v>
      </c>
      <c r="D132" s="345">
        <v>89951.44</v>
      </c>
      <c r="E132" s="345">
        <v>1838266.7000000002</v>
      </c>
      <c r="F132" s="345">
        <v>3.5634891438421815E-2</v>
      </c>
      <c r="G132" s="345">
        <v>2947533.3</v>
      </c>
      <c r="H132" s="345">
        <v>308307.45</v>
      </c>
      <c r="I132" s="345">
        <v>493259.58</v>
      </c>
      <c r="J132" s="345">
        <v>1.2197351347407565E-2</v>
      </c>
      <c r="K132" s="345">
        <v>4292540.42</v>
      </c>
      <c r="L132" s="375"/>
    </row>
    <row r="133" spans="1:13" ht="10.5" x14ac:dyDescent="0.2">
      <c r="A133" s="703"/>
      <c r="B133" s="345"/>
      <c r="C133" s="358"/>
      <c r="D133" s="358"/>
      <c r="E133" s="358"/>
      <c r="F133" s="358"/>
      <c r="G133" s="358"/>
      <c r="H133" s="358"/>
      <c r="I133" s="358"/>
      <c r="J133" s="358"/>
      <c r="K133" s="358"/>
      <c r="L133" s="375"/>
    </row>
    <row r="134" spans="1:13" s="76" customFormat="1" ht="10.5" x14ac:dyDescent="0.2">
      <c r="A134" s="161" t="s">
        <v>713</v>
      </c>
      <c r="B134" s="358">
        <v>21507400</v>
      </c>
      <c r="C134" s="358">
        <v>21507400</v>
      </c>
      <c r="D134" s="358">
        <v>7536.02</v>
      </c>
      <c r="E134" s="358">
        <v>7536.02</v>
      </c>
      <c r="F134" s="358">
        <v>1.4608612263812185E-4</v>
      </c>
      <c r="G134" s="358">
        <v>21499863.98</v>
      </c>
      <c r="H134" s="358">
        <v>5900.02</v>
      </c>
      <c r="I134" s="358">
        <v>5900.02</v>
      </c>
      <c r="J134" s="358">
        <v>1.4589603489653782E-4</v>
      </c>
      <c r="K134" s="358">
        <v>21501499.98</v>
      </c>
      <c r="L134" s="375"/>
      <c r="M134" s="176"/>
    </row>
    <row r="135" spans="1:13" ht="10.5" x14ac:dyDescent="0.2">
      <c r="A135" s="703" t="s">
        <v>714</v>
      </c>
      <c r="B135" s="345">
        <v>21507400</v>
      </c>
      <c r="C135" s="345">
        <v>21507400</v>
      </c>
      <c r="D135" s="345">
        <v>7536.02</v>
      </c>
      <c r="E135" s="345">
        <v>7536.02</v>
      </c>
      <c r="F135" s="345">
        <v>1.4608612263812185E-4</v>
      </c>
      <c r="G135" s="345">
        <v>21499863.98</v>
      </c>
      <c r="H135" s="345">
        <v>5900.02</v>
      </c>
      <c r="I135" s="345">
        <v>5900.02</v>
      </c>
      <c r="J135" s="345">
        <v>1.4589603489653782E-4</v>
      </c>
      <c r="K135" s="345">
        <v>21501499.98</v>
      </c>
      <c r="L135" s="346"/>
    </row>
    <row r="136" spans="1:13" ht="10.5" x14ac:dyDescent="0.2">
      <c r="A136" s="703"/>
      <c r="B136" s="345"/>
      <c r="C136" s="358"/>
      <c r="D136" s="358"/>
      <c r="E136" s="358"/>
      <c r="F136" s="358"/>
      <c r="G136" s="358"/>
      <c r="H136" s="358"/>
      <c r="I136" s="358"/>
      <c r="J136" s="345"/>
      <c r="K136" s="345"/>
      <c r="L136" s="375"/>
    </row>
    <row r="137" spans="1:13" s="76" customFormat="1" ht="10.5" x14ac:dyDescent="0.2">
      <c r="A137" s="161" t="s">
        <v>716</v>
      </c>
      <c r="B137" s="358">
        <v>38954900</v>
      </c>
      <c r="C137" s="358">
        <v>36194690</v>
      </c>
      <c r="D137" s="358">
        <v>3630795.3199999984</v>
      </c>
      <c r="E137" s="358">
        <v>7713383.120000002</v>
      </c>
      <c r="F137" s="358">
        <v>0.14952431554363432</v>
      </c>
      <c r="G137" s="358">
        <v>28481306.879999995</v>
      </c>
      <c r="H137" s="358">
        <v>3724414.8699999992</v>
      </c>
      <c r="I137" s="358">
        <v>6729498.1800000034</v>
      </c>
      <c r="J137" s="358">
        <v>0.16640741917916688</v>
      </c>
      <c r="K137" s="358">
        <v>29465191.819999993</v>
      </c>
      <c r="L137" s="375"/>
      <c r="M137" s="176"/>
    </row>
    <row r="138" spans="1:13" ht="10.5" x14ac:dyDescent="0.2">
      <c r="A138" s="703" t="s">
        <v>874</v>
      </c>
      <c r="B138" s="345">
        <v>151600</v>
      </c>
      <c r="C138" s="345">
        <v>151600</v>
      </c>
      <c r="D138" s="345">
        <v>0</v>
      </c>
      <c r="E138" s="345">
        <v>0</v>
      </c>
      <c r="F138" s="345">
        <v>0</v>
      </c>
      <c r="G138" s="345">
        <v>151600</v>
      </c>
      <c r="H138" s="345">
        <v>0</v>
      </c>
      <c r="I138" s="345">
        <v>0</v>
      </c>
      <c r="J138" s="345">
        <v>0</v>
      </c>
      <c r="K138" s="345">
        <v>151600</v>
      </c>
      <c r="L138" s="375"/>
    </row>
    <row r="139" spans="1:13" ht="10.5" x14ac:dyDescent="0.2">
      <c r="A139" s="243" t="s">
        <v>769</v>
      </c>
      <c r="B139" s="345">
        <v>18149000</v>
      </c>
      <c r="C139" s="345">
        <v>18149000</v>
      </c>
      <c r="D139" s="345">
        <v>2229061.0399999986</v>
      </c>
      <c r="E139" s="345">
        <v>4559892.3</v>
      </c>
      <c r="F139" s="345">
        <v>8.8393739102925334E-2</v>
      </c>
      <c r="G139" s="345">
        <v>13589107.699999999</v>
      </c>
      <c r="H139" s="345">
        <v>2051849.2199999997</v>
      </c>
      <c r="I139" s="345">
        <v>3937256.0900000017</v>
      </c>
      <c r="J139" s="345">
        <v>9.7360695710056275E-2</v>
      </c>
      <c r="K139" s="345">
        <v>14211743.909999998</v>
      </c>
      <c r="L139" s="375"/>
    </row>
    <row r="140" spans="1:13" ht="10.5" x14ac:dyDescent="0.2">
      <c r="A140" s="703" t="s">
        <v>717</v>
      </c>
      <c r="B140" s="345">
        <v>8583400</v>
      </c>
      <c r="C140" s="345">
        <v>8583400</v>
      </c>
      <c r="D140" s="345">
        <v>868706.96</v>
      </c>
      <c r="E140" s="345">
        <v>2407902.8300000019</v>
      </c>
      <c r="F140" s="345">
        <v>4.6677316159466256E-2</v>
      </c>
      <c r="G140" s="345">
        <v>6175497.1699999981</v>
      </c>
      <c r="H140" s="345">
        <v>1140971.4599999995</v>
      </c>
      <c r="I140" s="345">
        <v>2161326.8500000015</v>
      </c>
      <c r="J140" s="345">
        <v>5.3445415020698973E-2</v>
      </c>
      <c r="K140" s="345">
        <v>6422073.1499999985</v>
      </c>
      <c r="L140" s="375"/>
    </row>
    <row r="141" spans="1:13" ht="10.5" x14ac:dyDescent="0.2">
      <c r="A141" s="703" t="s">
        <v>718</v>
      </c>
      <c r="B141" s="345">
        <v>12070900</v>
      </c>
      <c r="C141" s="345">
        <v>9310690</v>
      </c>
      <c r="D141" s="345">
        <v>533027.31999999995</v>
      </c>
      <c r="E141" s="345">
        <v>745587.99000000011</v>
      </c>
      <c r="F141" s="345">
        <v>1.4453260281242721E-2</v>
      </c>
      <c r="G141" s="345">
        <v>8565102.0099999998</v>
      </c>
      <c r="H141" s="345">
        <v>531594.18999999994</v>
      </c>
      <c r="I141" s="345">
        <v>630915.24000000022</v>
      </c>
      <c r="J141" s="345">
        <v>1.5601308448411625E-2</v>
      </c>
      <c r="K141" s="345">
        <v>8679774.7599999998</v>
      </c>
      <c r="L141" s="375"/>
    </row>
    <row r="142" spans="1:13" ht="10.5" x14ac:dyDescent="0.2">
      <c r="A142" s="703"/>
      <c r="B142" s="345"/>
      <c r="C142" s="345"/>
      <c r="D142" s="345"/>
      <c r="E142" s="345"/>
      <c r="F142" s="345"/>
      <c r="G142" s="345"/>
      <c r="H142" s="345"/>
      <c r="I142" s="345"/>
      <c r="J142" s="345"/>
      <c r="K142" s="345"/>
      <c r="L142" s="375"/>
    </row>
    <row r="143" spans="1:13" s="76" customFormat="1" ht="10.5" x14ac:dyDescent="0.2">
      <c r="A143" s="161" t="s">
        <v>719</v>
      </c>
      <c r="B143" s="358">
        <v>42633100</v>
      </c>
      <c r="C143" s="358">
        <v>52633100</v>
      </c>
      <c r="D143" s="358">
        <v>4848384.5200000005</v>
      </c>
      <c r="E143" s="358">
        <v>8108073.3100000005</v>
      </c>
      <c r="F143" s="358">
        <v>0.15717540451372772</v>
      </c>
      <c r="G143" s="358">
        <v>44525026.689999998</v>
      </c>
      <c r="H143" s="358">
        <v>2711317.69</v>
      </c>
      <c r="I143" s="358">
        <v>4066493.7100000004</v>
      </c>
      <c r="J143" s="358">
        <v>0.10055649103235439</v>
      </c>
      <c r="K143" s="358">
        <v>48566606.290000007</v>
      </c>
      <c r="L143" s="375"/>
      <c r="M143" s="176"/>
    </row>
    <row r="144" spans="1:13" s="305" customFormat="1" ht="10.5" x14ac:dyDescent="0.2">
      <c r="A144" s="703" t="s">
        <v>659</v>
      </c>
      <c r="B144" s="345">
        <v>39113000</v>
      </c>
      <c r="C144" s="345">
        <v>49113000</v>
      </c>
      <c r="D144" s="345">
        <v>4630037.0600000005</v>
      </c>
      <c r="E144" s="345">
        <v>7616299.4500000002</v>
      </c>
      <c r="F144" s="345">
        <v>0.14764234377049953</v>
      </c>
      <c r="G144" s="345">
        <v>41496700.549999997</v>
      </c>
      <c r="H144" s="345">
        <v>2494802.08</v>
      </c>
      <c r="I144" s="345">
        <v>3583351.6900000004</v>
      </c>
      <c r="J144" s="345">
        <v>8.8609327292247797E-2</v>
      </c>
      <c r="K144" s="345">
        <v>45529648.310000002</v>
      </c>
      <c r="L144" s="346"/>
      <c r="M144" s="243"/>
    </row>
    <row r="145" spans="1:13" s="305" customFormat="1" ht="10.5" x14ac:dyDescent="0.2">
      <c r="A145" s="703" t="s">
        <v>769</v>
      </c>
      <c r="B145" s="345">
        <v>3520100</v>
      </c>
      <c r="C145" s="345">
        <v>3520100.0000000009</v>
      </c>
      <c r="D145" s="345">
        <v>218347.46000000002</v>
      </c>
      <c r="E145" s="345">
        <v>491773.86000000004</v>
      </c>
      <c r="F145" s="345">
        <v>9.5330607432281972E-3</v>
      </c>
      <c r="G145" s="345">
        <v>3028326.1400000011</v>
      </c>
      <c r="H145" s="345">
        <v>216515.61000000002</v>
      </c>
      <c r="I145" s="345">
        <v>483142.01999999996</v>
      </c>
      <c r="J145" s="345">
        <v>1.1947163740106603E-2</v>
      </c>
      <c r="K145" s="345">
        <v>3036957.9800000009</v>
      </c>
      <c r="L145" s="346"/>
      <c r="M145" s="243"/>
    </row>
    <row r="146" spans="1:13" s="305" customFormat="1" ht="10.5" x14ac:dyDescent="0.2">
      <c r="A146" s="703"/>
      <c r="B146" s="345"/>
      <c r="C146" s="345"/>
      <c r="D146" s="345"/>
      <c r="E146" s="345"/>
      <c r="F146" s="345"/>
      <c r="G146" s="345"/>
      <c r="H146" s="345"/>
      <c r="I146" s="345"/>
      <c r="J146" s="345"/>
      <c r="K146" s="345"/>
      <c r="L146" s="346"/>
      <c r="M146" s="243"/>
    </row>
    <row r="147" spans="1:13" s="76" customFormat="1" ht="10.5" x14ac:dyDescent="0.2">
      <c r="A147" s="161" t="s">
        <v>720</v>
      </c>
      <c r="B147" s="358">
        <v>36724000</v>
      </c>
      <c r="C147" s="358">
        <v>36724000</v>
      </c>
      <c r="D147" s="358">
        <v>0</v>
      </c>
      <c r="E147" s="358">
        <v>0</v>
      </c>
      <c r="F147" s="358">
        <v>0</v>
      </c>
      <c r="G147" s="358">
        <v>36724000</v>
      </c>
      <c r="H147" s="358">
        <v>0</v>
      </c>
      <c r="I147" s="358">
        <v>0</v>
      </c>
      <c r="J147" s="358">
        <v>0</v>
      </c>
      <c r="K147" s="358">
        <v>36724000</v>
      </c>
      <c r="L147" s="375"/>
      <c r="M147" s="176"/>
    </row>
    <row r="148" spans="1:13" ht="10.5" x14ac:dyDescent="0.2">
      <c r="A148" s="703" t="s">
        <v>706</v>
      </c>
      <c r="B148" s="345">
        <v>2624000</v>
      </c>
      <c r="C148" s="345">
        <v>2624000</v>
      </c>
      <c r="D148" s="345">
        <v>0</v>
      </c>
      <c r="E148" s="345">
        <v>0</v>
      </c>
      <c r="F148" s="345">
        <v>0</v>
      </c>
      <c r="G148" s="345">
        <v>2624000</v>
      </c>
      <c r="H148" s="345">
        <v>0</v>
      </c>
      <c r="I148" s="345">
        <v>0</v>
      </c>
      <c r="J148" s="345">
        <v>0</v>
      </c>
      <c r="K148" s="345">
        <v>2624000</v>
      </c>
      <c r="L148" s="375"/>
    </row>
    <row r="149" spans="1:13" ht="10.5" x14ac:dyDescent="0.2">
      <c r="A149" s="703" t="s">
        <v>721</v>
      </c>
      <c r="B149" s="345">
        <v>34100000</v>
      </c>
      <c r="C149" s="345">
        <v>34100000</v>
      </c>
      <c r="D149" s="345">
        <v>0</v>
      </c>
      <c r="E149" s="345">
        <v>0</v>
      </c>
      <c r="F149" s="345">
        <v>0</v>
      </c>
      <c r="G149" s="345">
        <v>34100000</v>
      </c>
      <c r="H149" s="345">
        <v>0</v>
      </c>
      <c r="I149" s="345">
        <v>0</v>
      </c>
      <c r="J149" s="345">
        <v>0</v>
      </c>
      <c r="K149" s="345">
        <v>34100000</v>
      </c>
      <c r="L149" s="375"/>
    </row>
    <row r="150" spans="1:13" ht="10.5" x14ac:dyDescent="0.2">
      <c r="A150" s="703"/>
      <c r="B150" s="345"/>
      <c r="C150" s="345"/>
      <c r="D150" s="345"/>
      <c r="E150" s="345"/>
      <c r="F150" s="345"/>
      <c r="G150" s="345"/>
      <c r="H150" s="345"/>
      <c r="I150" s="345"/>
      <c r="J150" s="358"/>
      <c r="K150" s="358"/>
      <c r="L150" s="375"/>
    </row>
    <row r="151" spans="1:13" s="76" customFormat="1" ht="10.5" x14ac:dyDescent="0.2">
      <c r="A151" s="161" t="s">
        <v>722</v>
      </c>
      <c r="B151" s="358">
        <v>624942200</v>
      </c>
      <c r="C151" s="358">
        <v>630736200</v>
      </c>
      <c r="D151" s="358">
        <v>92480223.36999999</v>
      </c>
      <c r="E151" s="358">
        <v>175394710.82999998</v>
      </c>
      <c r="F151" s="358">
        <v>3.4000351958181234</v>
      </c>
      <c r="G151" s="358">
        <v>455341489.16999996</v>
      </c>
      <c r="H151" s="358">
        <v>69255387.860000014</v>
      </c>
      <c r="I151" s="358">
        <v>101619246.33999997</v>
      </c>
      <c r="J151" s="358">
        <v>2.5128465852964075</v>
      </c>
      <c r="K151" s="358">
        <v>529116953.66000003</v>
      </c>
      <c r="L151" s="375"/>
      <c r="M151" s="176"/>
    </row>
    <row r="152" spans="1:13" ht="10.5" x14ac:dyDescent="0.2">
      <c r="A152" s="25" t="s">
        <v>653</v>
      </c>
      <c r="B152" s="345">
        <v>57620000</v>
      </c>
      <c r="C152" s="345">
        <v>62877000</v>
      </c>
      <c r="D152" s="345">
        <v>12533566.02</v>
      </c>
      <c r="E152" s="345">
        <v>23613116.23999998</v>
      </c>
      <c r="F152" s="345">
        <v>0.45774143313113069</v>
      </c>
      <c r="G152" s="345">
        <v>39263883.76000002</v>
      </c>
      <c r="H152" s="345">
        <v>9915327.9299999978</v>
      </c>
      <c r="I152" s="345">
        <v>18520405.559999991</v>
      </c>
      <c r="J152" s="345">
        <v>0.45797365701807646</v>
      </c>
      <c r="K152" s="345">
        <v>44356594.440000013</v>
      </c>
      <c r="L152" s="375"/>
    </row>
    <row r="153" spans="1:13" ht="10.5" x14ac:dyDescent="0.2">
      <c r="A153" s="703" t="s">
        <v>723</v>
      </c>
      <c r="B153" s="345">
        <v>9000000</v>
      </c>
      <c r="C153" s="345">
        <v>9000000</v>
      </c>
      <c r="D153" s="345">
        <v>0</v>
      </c>
      <c r="E153" s="345">
        <v>42056.26</v>
      </c>
      <c r="F153" s="345">
        <v>8.1526269251683758E-4</v>
      </c>
      <c r="G153" s="345">
        <v>8957943.7400000002</v>
      </c>
      <c r="H153" s="345">
        <v>0</v>
      </c>
      <c r="I153" s="345">
        <v>42056.26</v>
      </c>
      <c r="J153" s="345">
        <v>1.0399696232517631E-3</v>
      </c>
      <c r="K153" s="345">
        <v>8957943.7400000002</v>
      </c>
      <c r="L153" s="375"/>
    </row>
    <row r="154" spans="1:13" ht="10.5" x14ac:dyDescent="0.2">
      <c r="A154" s="703" t="s">
        <v>724</v>
      </c>
      <c r="B154" s="345">
        <v>540022200</v>
      </c>
      <c r="C154" s="345">
        <v>540559200</v>
      </c>
      <c r="D154" s="345">
        <v>79946657.349999994</v>
      </c>
      <c r="E154" s="345">
        <v>151598246.33000001</v>
      </c>
      <c r="F154" s="345">
        <v>2.9387395475448028</v>
      </c>
      <c r="G154" s="345">
        <v>388960953.66999996</v>
      </c>
      <c r="H154" s="345">
        <v>59198767.930000015</v>
      </c>
      <c r="I154" s="345">
        <v>82915492.519999981</v>
      </c>
      <c r="J154" s="345">
        <v>2.0503390819287963</v>
      </c>
      <c r="K154" s="345">
        <v>457643707.48000002</v>
      </c>
      <c r="L154" s="375"/>
    </row>
    <row r="155" spans="1:13" ht="10.5" x14ac:dyDescent="0.2">
      <c r="A155" s="703" t="s">
        <v>725</v>
      </c>
      <c r="B155" s="345">
        <v>14300000</v>
      </c>
      <c r="C155" s="345">
        <v>14300000</v>
      </c>
      <c r="D155" s="345">
        <v>0</v>
      </c>
      <c r="E155" s="345">
        <v>141292</v>
      </c>
      <c r="F155" s="345">
        <v>2.7389524496731045E-3</v>
      </c>
      <c r="G155" s="345">
        <v>14158708</v>
      </c>
      <c r="H155" s="345">
        <v>141292</v>
      </c>
      <c r="I155" s="345">
        <v>141292</v>
      </c>
      <c r="J155" s="345">
        <v>3.4938767262825583E-3</v>
      </c>
      <c r="K155" s="345">
        <v>14158708</v>
      </c>
      <c r="L155" s="375"/>
    </row>
    <row r="156" spans="1:13" ht="10.5" x14ac:dyDescent="0.2">
      <c r="A156" s="703" t="s">
        <v>726</v>
      </c>
      <c r="B156" s="345">
        <v>4000000</v>
      </c>
      <c r="C156" s="345">
        <v>4000000</v>
      </c>
      <c r="D156" s="345">
        <v>0</v>
      </c>
      <c r="E156" s="345">
        <v>0</v>
      </c>
      <c r="F156" s="345">
        <v>0</v>
      </c>
      <c r="G156" s="345">
        <v>4000000</v>
      </c>
      <c r="H156" s="345">
        <v>0</v>
      </c>
      <c r="I156" s="345">
        <v>0</v>
      </c>
      <c r="J156" s="345">
        <v>0</v>
      </c>
      <c r="K156" s="345">
        <v>4000000</v>
      </c>
      <c r="L156" s="375"/>
    </row>
    <row r="157" spans="1:13" s="211" customFormat="1" ht="10.5" x14ac:dyDescent="0.2">
      <c r="A157" s="703"/>
      <c r="B157" s="345"/>
      <c r="C157" s="358"/>
      <c r="D157" s="358"/>
      <c r="E157" s="358"/>
      <c r="F157" s="358"/>
      <c r="G157" s="345"/>
      <c r="H157" s="358"/>
      <c r="I157" s="358"/>
      <c r="J157" s="345"/>
      <c r="K157" s="358"/>
      <c r="L157" s="375"/>
      <c r="M157" s="243"/>
    </row>
    <row r="158" spans="1:13" s="76" customFormat="1" ht="10.5" x14ac:dyDescent="0.2">
      <c r="A158" s="161" t="s">
        <v>727</v>
      </c>
      <c r="B158" s="358">
        <v>21680800</v>
      </c>
      <c r="C158" s="358">
        <v>21655800</v>
      </c>
      <c r="D158" s="358">
        <v>655405.44999999995</v>
      </c>
      <c r="E158" s="358">
        <v>2021181.1399999997</v>
      </c>
      <c r="F158" s="358">
        <v>3.918069695832798E-2</v>
      </c>
      <c r="G158" s="358">
        <v>19634618.859999999</v>
      </c>
      <c r="H158" s="358">
        <v>865350.14999999991</v>
      </c>
      <c r="I158" s="358">
        <v>1879960.0999999996</v>
      </c>
      <c r="J158" s="358">
        <v>4.6487761796349614E-2</v>
      </c>
      <c r="K158" s="358">
        <v>19775839.899999999</v>
      </c>
      <c r="L158" s="375"/>
      <c r="M158" s="176"/>
    </row>
    <row r="159" spans="1:13" ht="10.5" x14ac:dyDescent="0.2">
      <c r="A159" s="703" t="s">
        <v>728</v>
      </c>
      <c r="B159" s="345">
        <v>12685000</v>
      </c>
      <c r="C159" s="345">
        <v>12685000</v>
      </c>
      <c r="D159" s="345">
        <v>258747.35</v>
      </c>
      <c r="E159" s="345">
        <v>986652.15</v>
      </c>
      <c r="F159" s="345">
        <v>1.9126301016460488E-2</v>
      </c>
      <c r="G159" s="345">
        <v>11698347.85</v>
      </c>
      <c r="H159" s="345">
        <v>475078.65999999992</v>
      </c>
      <c r="I159" s="345">
        <v>883580.06</v>
      </c>
      <c r="J159" s="345">
        <v>2.1849218692079855E-2</v>
      </c>
      <c r="K159" s="345">
        <v>11801419.939999999</v>
      </c>
      <c r="L159" s="375"/>
    </row>
    <row r="160" spans="1:13" ht="10.5" x14ac:dyDescent="0.2">
      <c r="A160" s="703" t="s">
        <v>729</v>
      </c>
      <c r="B160" s="345">
        <v>8995800</v>
      </c>
      <c r="C160" s="345">
        <v>8970800</v>
      </c>
      <c r="D160" s="345">
        <v>396658.1</v>
      </c>
      <c r="E160" s="345">
        <v>1034528.9899999996</v>
      </c>
      <c r="F160" s="345">
        <v>2.0054395941867493E-2</v>
      </c>
      <c r="G160" s="345">
        <v>7936271.0100000007</v>
      </c>
      <c r="H160" s="345">
        <v>390271.49000000005</v>
      </c>
      <c r="I160" s="345">
        <v>996380.03999999969</v>
      </c>
      <c r="J160" s="345">
        <v>2.4638543104269765E-2</v>
      </c>
      <c r="K160" s="345">
        <v>7974419.96</v>
      </c>
      <c r="L160" s="375"/>
    </row>
    <row r="161" spans="1:13" ht="10.5" x14ac:dyDescent="0.2">
      <c r="A161" s="703"/>
      <c r="B161" s="345"/>
      <c r="C161" s="358"/>
      <c r="D161" s="358"/>
      <c r="E161" s="358"/>
      <c r="F161" s="358"/>
      <c r="G161" s="345"/>
      <c r="H161" s="358"/>
      <c r="I161" s="358"/>
      <c r="J161" s="358"/>
      <c r="K161" s="358"/>
      <c r="L161" s="375"/>
    </row>
    <row r="162" spans="1:13" s="76" customFormat="1" ht="10.5" x14ac:dyDescent="0.2">
      <c r="A162" s="161" t="s">
        <v>730</v>
      </c>
      <c r="B162" s="358">
        <v>3188200900</v>
      </c>
      <c r="C162" s="358">
        <v>3133636600</v>
      </c>
      <c r="D162" s="358">
        <v>513044652.81</v>
      </c>
      <c r="E162" s="358">
        <v>1185496125.6499999</v>
      </c>
      <c r="F162" s="358">
        <v>22.980901377480972</v>
      </c>
      <c r="G162" s="358">
        <v>1948140474.3500001</v>
      </c>
      <c r="H162" s="358">
        <v>561550412.75000012</v>
      </c>
      <c r="I162" s="358">
        <v>1163865321.6000001</v>
      </c>
      <c r="J162" s="358">
        <v>28.780128808889433</v>
      </c>
      <c r="K162" s="358">
        <v>1969771278.4000001</v>
      </c>
      <c r="L162" s="375"/>
      <c r="M162" s="176"/>
    </row>
    <row r="163" spans="1:13" s="472" customFormat="1" ht="10.5" x14ac:dyDescent="0.2">
      <c r="A163" s="470" t="s">
        <v>819</v>
      </c>
      <c r="B163" s="471">
        <v>902294300</v>
      </c>
      <c r="C163" s="345">
        <v>847730000</v>
      </c>
      <c r="D163" s="345">
        <v>165654300</v>
      </c>
      <c r="E163" s="345">
        <v>330099800</v>
      </c>
      <c r="F163" s="345">
        <v>6.3990010463904667</v>
      </c>
      <c r="G163" s="345">
        <v>517630200</v>
      </c>
      <c r="H163" s="345">
        <v>164948360.41</v>
      </c>
      <c r="I163" s="345">
        <v>327466776.29000002</v>
      </c>
      <c r="J163" s="345">
        <v>8.0976173336806632</v>
      </c>
      <c r="K163" s="345">
        <v>520263223.70999998</v>
      </c>
      <c r="L163" s="375"/>
      <c r="M163" s="601"/>
    </row>
    <row r="164" spans="1:13" ht="10.5" x14ac:dyDescent="0.2">
      <c r="A164" s="703" t="s">
        <v>731</v>
      </c>
      <c r="B164" s="345">
        <v>110205800</v>
      </c>
      <c r="C164" s="345">
        <v>110205800</v>
      </c>
      <c r="D164" s="345">
        <v>21134026</v>
      </c>
      <c r="E164" s="345">
        <v>38360729</v>
      </c>
      <c r="F164" s="345">
        <v>0.74362464021881003</v>
      </c>
      <c r="G164" s="345">
        <v>71845071</v>
      </c>
      <c r="H164" s="345">
        <v>24222394.600000005</v>
      </c>
      <c r="I164" s="345">
        <v>37622143.250000007</v>
      </c>
      <c r="J164" s="345">
        <v>0.93032252848033492</v>
      </c>
      <c r="K164" s="345">
        <v>72583656.75</v>
      </c>
      <c r="L164" s="375"/>
    </row>
    <row r="165" spans="1:13" ht="10.5" x14ac:dyDescent="0.2">
      <c r="A165" s="703" t="s">
        <v>732</v>
      </c>
      <c r="B165" s="345">
        <v>25403600</v>
      </c>
      <c r="C165" s="345">
        <v>25403600</v>
      </c>
      <c r="D165" s="345">
        <v>3200000</v>
      </c>
      <c r="E165" s="345">
        <v>3200000</v>
      </c>
      <c r="F165" s="345">
        <v>6.2032159208971024E-2</v>
      </c>
      <c r="G165" s="345">
        <v>22203600</v>
      </c>
      <c r="H165" s="345">
        <v>2925366.64</v>
      </c>
      <c r="I165" s="345">
        <v>2925366.64</v>
      </c>
      <c r="J165" s="345">
        <v>7.2338635020662234E-2</v>
      </c>
      <c r="K165" s="345">
        <v>22478233.359999999</v>
      </c>
      <c r="L165" s="375"/>
    </row>
    <row r="166" spans="1:13" ht="10.5" x14ac:dyDescent="0.2">
      <c r="A166" s="703" t="s">
        <v>770</v>
      </c>
      <c r="B166" s="345">
        <v>1939605500</v>
      </c>
      <c r="C166" s="345">
        <v>1939600500</v>
      </c>
      <c r="D166" s="345">
        <v>282198068.10000002</v>
      </c>
      <c r="E166" s="345">
        <v>733818068.10000002</v>
      </c>
      <c r="F166" s="345">
        <v>14.225099759624607</v>
      </c>
      <c r="G166" s="345">
        <v>1205782431.9000001</v>
      </c>
      <c r="H166" s="345">
        <v>333160130.2700001</v>
      </c>
      <c r="I166" s="345">
        <v>723356943.13000011</v>
      </c>
      <c r="J166" s="345">
        <v>17.887212215814085</v>
      </c>
      <c r="K166" s="345">
        <v>1216243556.8699999</v>
      </c>
      <c r="L166" s="375"/>
    </row>
    <row r="167" spans="1:13" ht="10.5" x14ac:dyDescent="0.2">
      <c r="A167" s="703" t="s">
        <v>733</v>
      </c>
      <c r="B167" s="345">
        <v>210691700</v>
      </c>
      <c r="C167" s="345">
        <v>210696700</v>
      </c>
      <c r="D167" s="345">
        <v>40858258.709999993</v>
      </c>
      <c r="E167" s="345">
        <v>80017528.549999997</v>
      </c>
      <c r="F167" s="345">
        <v>1.5511437720381203</v>
      </c>
      <c r="G167" s="345">
        <v>130679171.45</v>
      </c>
      <c r="H167" s="345">
        <v>36294160.829999998</v>
      </c>
      <c r="I167" s="345">
        <v>72494092.289999977</v>
      </c>
      <c r="J167" s="345">
        <v>1.7926380958936865</v>
      </c>
      <c r="K167" s="345">
        <v>138202607.71000004</v>
      </c>
      <c r="L167" s="375"/>
    </row>
    <row r="168" spans="1:13" ht="10.5" customHeight="1" x14ac:dyDescent="0.2">
      <c r="A168" s="703"/>
      <c r="B168" s="345"/>
      <c r="C168" s="358"/>
      <c r="D168" s="358"/>
      <c r="E168" s="358"/>
      <c r="F168" s="358"/>
      <c r="G168" s="358"/>
      <c r="H168" s="358"/>
      <c r="I168" s="358"/>
      <c r="J168" s="358"/>
      <c r="K168" s="358"/>
      <c r="L168" s="375"/>
    </row>
    <row r="169" spans="1:13" s="76" customFormat="1" ht="10.5" customHeight="1" x14ac:dyDescent="0.2">
      <c r="A169" s="162" t="s">
        <v>734</v>
      </c>
      <c r="B169" s="358">
        <v>116875200</v>
      </c>
      <c r="C169" s="358">
        <v>116875200</v>
      </c>
      <c r="D169" s="358">
        <v>0</v>
      </c>
      <c r="E169" s="358">
        <v>0</v>
      </c>
      <c r="F169" s="358">
        <v>0</v>
      </c>
      <c r="G169" s="358">
        <v>116875200</v>
      </c>
      <c r="H169" s="358">
        <v>0</v>
      </c>
      <c r="I169" s="358">
        <v>0</v>
      </c>
      <c r="J169" s="358">
        <v>0</v>
      </c>
      <c r="K169" s="358">
        <v>116875200</v>
      </c>
      <c r="L169" s="375"/>
      <c r="M169" s="176"/>
    </row>
    <row r="170" spans="1:13" ht="10.5" x14ac:dyDescent="0.2">
      <c r="A170" s="25" t="s">
        <v>736</v>
      </c>
      <c r="B170" s="345">
        <v>28960200</v>
      </c>
      <c r="C170" s="345">
        <v>28960200</v>
      </c>
      <c r="D170" s="345">
        <v>0</v>
      </c>
      <c r="E170" s="345">
        <v>0</v>
      </c>
      <c r="F170" s="358">
        <v>0</v>
      </c>
      <c r="G170" s="345">
        <v>28960200</v>
      </c>
      <c r="H170" s="345">
        <v>0</v>
      </c>
      <c r="I170" s="345">
        <v>0</v>
      </c>
      <c r="J170" s="345">
        <v>0</v>
      </c>
      <c r="K170" s="345">
        <v>28960200</v>
      </c>
      <c r="L170" s="375"/>
    </row>
    <row r="171" spans="1:13" ht="11.25" customHeight="1" x14ac:dyDescent="0.2">
      <c r="A171" s="25" t="s">
        <v>735</v>
      </c>
      <c r="B171" s="345">
        <v>87915000</v>
      </c>
      <c r="C171" s="345">
        <v>87915000</v>
      </c>
      <c r="D171" s="345">
        <v>0</v>
      </c>
      <c r="E171" s="345">
        <v>0</v>
      </c>
      <c r="F171" s="358">
        <v>0</v>
      </c>
      <c r="G171" s="345">
        <v>87915000</v>
      </c>
      <c r="H171" s="345">
        <v>0</v>
      </c>
      <c r="I171" s="345">
        <v>0</v>
      </c>
      <c r="J171" s="345">
        <v>0</v>
      </c>
      <c r="K171" s="345">
        <v>87915000</v>
      </c>
      <c r="L171" s="375"/>
    </row>
    <row r="172" spans="1:13" ht="11.25" customHeight="1" x14ac:dyDescent="0.2">
      <c r="A172" s="25"/>
      <c r="B172" s="345"/>
      <c r="C172" s="345"/>
      <c r="D172" s="345"/>
      <c r="E172" s="345"/>
      <c r="F172" s="345"/>
      <c r="G172" s="345"/>
      <c r="H172" s="345"/>
      <c r="I172" s="345"/>
      <c r="J172" s="358"/>
      <c r="K172" s="358"/>
      <c r="L172" s="375"/>
    </row>
    <row r="173" spans="1:13" s="76" customFormat="1" ht="15" customHeight="1" x14ac:dyDescent="0.2">
      <c r="A173" s="161" t="s">
        <v>221</v>
      </c>
      <c r="B173" s="358">
        <v>931270300</v>
      </c>
      <c r="C173" s="358">
        <v>1041198127.25</v>
      </c>
      <c r="D173" s="358">
        <v>281513802.75</v>
      </c>
      <c r="E173" s="358">
        <v>584299333.63000011</v>
      </c>
      <c r="F173" s="358">
        <v>11.326671652947452</v>
      </c>
      <c r="G173" s="358">
        <v>456898793.62</v>
      </c>
      <c r="H173" s="358">
        <v>260445361.89000002</v>
      </c>
      <c r="I173" s="358">
        <v>483487584.68000001</v>
      </c>
      <c r="J173" s="358">
        <v>11.955708883447185</v>
      </c>
      <c r="K173" s="358">
        <v>557710542.57000005</v>
      </c>
      <c r="L173" s="375"/>
      <c r="M173" s="176"/>
    </row>
    <row r="174" spans="1:13" ht="15" customHeight="1" x14ac:dyDescent="0.2">
      <c r="A174" s="702" t="s">
        <v>222</v>
      </c>
      <c r="B174" s="377">
        <v>13057110000</v>
      </c>
      <c r="C174" s="377">
        <v>13211347332.000002</v>
      </c>
      <c r="D174" s="377">
        <v>2232183125.5500002</v>
      </c>
      <c r="E174" s="377">
        <v>5158614565.0999994</v>
      </c>
      <c r="F174" s="484">
        <v>100</v>
      </c>
      <c r="G174" s="377">
        <v>8052732766.9000006</v>
      </c>
      <c r="H174" s="377">
        <v>2228889951.1299996</v>
      </c>
      <c r="I174" s="377">
        <v>4043989272.349999</v>
      </c>
      <c r="J174" s="484">
        <v>100</v>
      </c>
      <c r="K174" s="479">
        <v>9167358059.6500015</v>
      </c>
      <c r="L174" s="481"/>
    </row>
    <row r="175" spans="1:13" ht="11.25" customHeight="1" x14ac:dyDescent="0.2">
      <c r="A175" s="75" t="s">
        <v>877</v>
      </c>
      <c r="L175" s="337"/>
    </row>
    <row r="176" spans="1:13" ht="11.25" customHeight="1" x14ac:dyDescent="0.2">
      <c r="A176" s="704"/>
      <c r="D176" s="228"/>
      <c r="I176" s="228"/>
    </row>
    <row r="177" spans="1:13" s="305" customFormat="1" ht="11.25" customHeight="1" x14ac:dyDescent="0.2">
      <c r="A177" s="704"/>
      <c r="B177" s="228"/>
      <c r="C177" s="228"/>
      <c r="D177" s="228"/>
      <c r="E177" s="228"/>
      <c r="F177" s="228"/>
      <c r="G177" s="228"/>
      <c r="H177" s="228"/>
      <c r="I177" s="228"/>
      <c r="J177" s="53"/>
      <c r="K177" s="53"/>
      <c r="L177" s="53"/>
      <c r="M177" s="243"/>
    </row>
    <row r="178" spans="1:13" s="305" customFormat="1" ht="11.25" customHeight="1" x14ac:dyDescent="0.2">
      <c r="A178" s="704"/>
      <c r="B178" s="53"/>
      <c r="C178" s="53"/>
      <c r="D178" s="228"/>
      <c r="E178" s="53"/>
      <c r="F178" s="53"/>
      <c r="G178" s="53"/>
      <c r="H178" s="53"/>
      <c r="I178" s="228"/>
      <c r="J178" s="53"/>
      <c r="K178" s="53"/>
      <c r="L178" s="53"/>
      <c r="M178" s="243"/>
    </row>
    <row r="179" spans="1:13" s="305" customFormat="1" ht="11.25" customHeight="1" x14ac:dyDescent="0.2">
      <c r="A179" s="704"/>
      <c r="B179" s="53"/>
      <c r="C179" s="53"/>
      <c r="D179" s="228"/>
      <c r="E179" s="53"/>
      <c r="F179" s="53"/>
      <c r="G179" s="53"/>
      <c r="H179" s="53"/>
      <c r="I179" s="228"/>
      <c r="J179" s="53"/>
      <c r="K179" s="53"/>
      <c r="L179" s="53"/>
      <c r="M179" s="243"/>
    </row>
    <row r="180" spans="1:13" s="305" customFormat="1" ht="11.25" customHeight="1" x14ac:dyDescent="0.2">
      <c r="A180" s="704"/>
      <c r="B180" s="53"/>
      <c r="C180" s="53"/>
      <c r="D180" s="228"/>
      <c r="E180" s="53"/>
      <c r="F180" s="53"/>
      <c r="G180" s="53"/>
      <c r="H180" s="53"/>
      <c r="I180" s="228"/>
      <c r="J180" s="53"/>
      <c r="K180" s="53"/>
      <c r="L180" s="53"/>
      <c r="M180" s="243"/>
    </row>
    <row r="181" spans="1:13" s="305" customFormat="1" ht="11.25" customHeight="1" x14ac:dyDescent="0.2">
      <c r="A181" s="704"/>
      <c r="B181" s="53"/>
      <c r="C181" s="53"/>
      <c r="D181" s="228"/>
      <c r="E181" s="53"/>
      <c r="F181" s="53"/>
      <c r="G181" s="53"/>
      <c r="H181" s="53"/>
      <c r="I181" s="228"/>
      <c r="J181" s="53"/>
      <c r="K181" s="53"/>
      <c r="L181" s="53"/>
      <c r="M181" s="243"/>
    </row>
  </sheetData>
  <customSheetViews>
    <customSheetView guid="{6DBFA32C-4AA4-4E1D-9A48-697377C64CC3}" showPageBreaks="1" showGridLines="0" fitToPage="1" printArea="1" topLeftCell="A46">
      <selection activeCell="A50" sqref="A50:XFD50"/>
      <pageMargins left="0.39370078740157483" right="0.39370078740157483" top="0.98425196850393704" bottom="0.98425196850393704" header="0" footer="0"/>
      <printOptions horizontalCentered="1"/>
      <pageSetup paperSize="9" scale="40" fitToHeight="2" orientation="portrait" r:id="rId1"/>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2"/>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3"/>
      <headerFooter alignWithMargins="0"/>
    </customSheetView>
    <customSheetView guid="{82EDB5A4-4824-4632-A540-7A52C92F04C7}" showPageBreaks="1" showGridLines="0" fitToPage="1" printArea="1" topLeftCell="A10">
      <pane xSplit="1" ySplit="3" topLeftCell="B168" activePane="bottomRight" state="frozen"/>
      <selection pane="bottomRight" activeCell="K46" sqref="K46"/>
      <pageMargins left="0.19685039370078741" right="0.19685039370078741" top="0.19685039370078741" bottom="0.19685039370078741" header="0" footer="0"/>
      <printOptions horizontalCentered="1"/>
      <pageSetup paperSize="9" scale="39" orientation="portrait" r:id="rId4"/>
      <headerFooter alignWithMargins="0"/>
    </customSheetView>
    <customSheetView guid="{3AAF6A5F-F9AA-430B-9AD9-1261ECDF41B5}" showPageBreaks="1" showGridLines="0" fitToPage="1" printArea="1" topLeftCell="B162">
      <selection activeCell="B130" sqref="B130"/>
      <pageMargins left="0.39370078740157483" right="0.39370078740157483" top="0.98425196850393704" bottom="0.98425196850393704" header="0" footer="0"/>
      <printOptions horizontalCentered="1"/>
      <pageSetup scale="37" orientation="portrait" r:id="rId5"/>
      <headerFooter alignWithMargins="0"/>
    </customSheetView>
    <customSheetView guid="{C779D862-DE28-46CD-A428-4AAA1056D1E1}" showGridLines="0" fitToPage="1">
      <selection activeCell="B130" sqref="B130"/>
      <pageMargins left="0.19685039370078741" right="0.19685039370078741" top="0.19685039370078741" bottom="0.19685039370078741" header="0" footer="0"/>
      <printOptions horizontalCentered="1"/>
      <pageSetup paperSize="9" scale="39" orientation="portrait" r:id="rId6"/>
      <headerFooter alignWithMargins="0"/>
    </customSheetView>
    <customSheetView guid="{25EF1E0D-169B-4051-B414-7E1196FC05E4}" showPageBreaks="1" showGridLines="0" fitToPage="1" printArea="1" topLeftCell="A16">
      <selection activeCell="A45" sqref="A45:XFD45"/>
      <pageMargins left="0.19685039370078741" right="0.19685039370078741" top="0.19685039370078741" bottom="0.19685039370078741" header="0" footer="0"/>
      <printOptions horizontalCentered="1"/>
      <pageSetup scale="42" fitToHeight="2" orientation="portrait" r:id="rId7"/>
      <headerFooter alignWithMargins="0"/>
    </customSheetView>
  </customSheetViews>
  <mergeCells count="13">
    <mergeCell ref="M19:M21"/>
    <mergeCell ref="A3:L3"/>
    <mergeCell ref="A4:L4"/>
    <mergeCell ref="A5:L5"/>
    <mergeCell ref="A6:L6"/>
    <mergeCell ref="A7:L7"/>
    <mergeCell ref="H10:J10"/>
    <mergeCell ref="L10:L12"/>
    <mergeCell ref="D10:F10"/>
    <mergeCell ref="G10:G11"/>
    <mergeCell ref="K10:K11"/>
    <mergeCell ref="D11:D12"/>
    <mergeCell ref="H11:H12"/>
  </mergeCells>
  <phoneticPr fontId="1" type="noConversion"/>
  <printOptions horizontalCentered="1"/>
  <pageMargins left="0.19685039370078741" right="0.19685039370078741" top="0.78740157480314965" bottom="1.1811023622047245" header="0" footer="0"/>
  <pageSetup paperSize="9" scale="41" fitToHeight="4" orientation="portrait" r:id="rId8"/>
  <headerFooter alignWithMargins="0"/>
  <drawing r:id="rId9"/>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L192"/>
  <sheetViews>
    <sheetView showGridLines="0" zoomScaleNormal="100" workbookViewId="0"/>
  </sheetViews>
  <sheetFormatPr defaultColWidth="9.140625" defaultRowHeight="11.25" customHeight="1" x14ac:dyDescent="0.2"/>
  <cols>
    <col min="1" max="1" width="42.7109375" style="53" customWidth="1"/>
    <col min="2" max="2" width="17.5703125" style="53" bestFit="1" customWidth="1"/>
    <col min="3" max="3" width="19.140625" style="53" bestFit="1" customWidth="1"/>
    <col min="4" max="4" width="17.42578125" style="53" customWidth="1"/>
    <col min="5" max="5" width="17.42578125" style="53" bestFit="1" customWidth="1"/>
    <col min="6" max="6" width="11" style="53" customWidth="1"/>
    <col min="7" max="7" width="17.42578125" style="53" bestFit="1" customWidth="1"/>
    <col min="8" max="8" width="17" style="53" customWidth="1"/>
    <col min="9" max="9" width="17.42578125" style="53" bestFit="1" customWidth="1"/>
    <col min="10" max="10" width="11" style="53" customWidth="1"/>
    <col min="11" max="11" width="17.28515625" style="53" customWidth="1"/>
    <col min="12" max="12" width="15.7109375" style="53" customWidth="1"/>
    <col min="13" max="16384" width="9.140625" style="212"/>
  </cols>
  <sheetData>
    <row r="1" spans="1:12" s="30" customFormat="1" ht="10.5" x14ac:dyDescent="0.2">
      <c r="A1" s="334"/>
      <c r="B1" s="334"/>
      <c r="C1" s="334"/>
      <c r="D1" s="334"/>
      <c r="E1" s="334"/>
      <c r="F1" s="334"/>
      <c r="G1" s="334"/>
      <c r="H1" s="334"/>
      <c r="I1" s="334"/>
      <c r="J1" s="334"/>
    </row>
    <row r="2" spans="1:12" s="30" customFormat="1" ht="10.5" x14ac:dyDescent="0.2">
      <c r="A2" s="214"/>
    </row>
    <row r="3" spans="1:12" s="53" customFormat="1" ht="10.5" x14ac:dyDescent="0.2">
      <c r="A3" s="757" t="s">
        <v>643</v>
      </c>
      <c r="B3" s="757"/>
      <c r="C3" s="757"/>
      <c r="D3" s="757"/>
      <c r="E3" s="757"/>
      <c r="F3" s="757"/>
      <c r="G3" s="757"/>
      <c r="H3" s="757"/>
      <c r="I3" s="757"/>
      <c r="J3" s="757"/>
      <c r="K3" s="757"/>
      <c r="L3" s="757"/>
    </row>
    <row r="4" spans="1:12" s="53" customFormat="1" ht="10.5" x14ac:dyDescent="0.2">
      <c r="A4" s="757" t="s">
        <v>105</v>
      </c>
      <c r="B4" s="757"/>
      <c r="C4" s="757"/>
      <c r="D4" s="757"/>
      <c r="E4" s="757"/>
      <c r="F4" s="757"/>
      <c r="G4" s="757"/>
      <c r="H4" s="757"/>
      <c r="I4" s="757"/>
      <c r="J4" s="757"/>
      <c r="K4" s="757"/>
      <c r="L4" s="757"/>
    </row>
    <row r="5" spans="1:12" s="53" customFormat="1" ht="10.5" x14ac:dyDescent="0.2">
      <c r="A5" s="757" t="s">
        <v>168</v>
      </c>
      <c r="B5" s="757"/>
      <c r="C5" s="757"/>
      <c r="D5" s="757"/>
      <c r="E5" s="757"/>
      <c r="F5" s="757"/>
      <c r="G5" s="757"/>
      <c r="H5" s="757"/>
      <c r="I5" s="757"/>
      <c r="J5" s="757"/>
      <c r="K5" s="757"/>
      <c r="L5" s="757"/>
    </row>
    <row r="6" spans="1:12" s="53" customFormat="1" ht="10.5" x14ac:dyDescent="0.2">
      <c r="A6" s="757" t="s">
        <v>107</v>
      </c>
      <c r="B6" s="757"/>
      <c r="C6" s="757"/>
      <c r="D6" s="757"/>
      <c r="E6" s="757"/>
      <c r="F6" s="757"/>
      <c r="G6" s="757"/>
      <c r="H6" s="757"/>
      <c r="I6" s="757"/>
      <c r="J6" s="757"/>
      <c r="K6" s="757"/>
      <c r="L6" s="757"/>
    </row>
    <row r="7" spans="1:12" s="53" customFormat="1" ht="10.5" x14ac:dyDescent="0.2">
      <c r="A7" s="757" t="s">
        <v>869</v>
      </c>
      <c r="B7" s="757"/>
      <c r="C7" s="757"/>
      <c r="D7" s="757"/>
      <c r="E7" s="757"/>
      <c r="F7" s="757"/>
      <c r="G7" s="757"/>
      <c r="H7" s="757"/>
      <c r="I7" s="757"/>
      <c r="J7" s="757"/>
      <c r="K7" s="757"/>
      <c r="L7" s="757"/>
    </row>
    <row r="8" spans="1:12" s="30" customFormat="1" ht="10.5" x14ac:dyDescent="0.2">
      <c r="A8" s="54"/>
      <c r="B8" s="54"/>
      <c r="C8" s="54"/>
      <c r="D8" s="54"/>
      <c r="E8" s="54"/>
      <c r="F8" s="54"/>
      <c r="G8" s="54"/>
      <c r="H8" s="54"/>
      <c r="I8" s="54"/>
      <c r="J8" s="54"/>
      <c r="K8" s="54"/>
      <c r="L8" s="54"/>
    </row>
    <row r="9" spans="1:12" s="30" customFormat="1" ht="10.5" x14ac:dyDescent="0.2">
      <c r="A9" s="30" t="s">
        <v>739</v>
      </c>
      <c r="B9" s="129"/>
      <c r="L9" s="254">
        <v>1</v>
      </c>
    </row>
    <row r="10" spans="1:12" ht="20.100000000000001" customHeight="1" x14ac:dyDescent="0.2">
      <c r="A10" s="822" t="s">
        <v>738</v>
      </c>
      <c r="B10" s="208" t="s">
        <v>157</v>
      </c>
      <c r="C10" s="208" t="s">
        <v>157</v>
      </c>
      <c r="D10" s="766" t="s">
        <v>158</v>
      </c>
      <c r="E10" s="767"/>
      <c r="F10" s="768"/>
      <c r="G10" s="791" t="s">
        <v>161</v>
      </c>
      <c r="H10" s="820" t="s">
        <v>159</v>
      </c>
      <c r="I10" s="821"/>
      <c r="J10" s="822"/>
      <c r="K10" s="791" t="s">
        <v>161</v>
      </c>
      <c r="L10" s="732" t="s">
        <v>737</v>
      </c>
    </row>
    <row r="11" spans="1:12" ht="20.100000000000001" customHeight="1" x14ac:dyDescent="0.2">
      <c r="A11" s="825"/>
      <c r="B11" s="210" t="s">
        <v>111</v>
      </c>
      <c r="C11" s="210" t="s">
        <v>112</v>
      </c>
      <c r="D11" s="823" t="s">
        <v>113</v>
      </c>
      <c r="E11" s="208" t="s">
        <v>115</v>
      </c>
      <c r="F11" s="208" t="s">
        <v>114</v>
      </c>
      <c r="G11" s="792"/>
      <c r="H11" s="823" t="s">
        <v>113</v>
      </c>
      <c r="I11" s="208" t="s">
        <v>115</v>
      </c>
      <c r="J11" s="208" t="s">
        <v>114</v>
      </c>
      <c r="K11" s="792"/>
      <c r="L11" s="734"/>
    </row>
    <row r="12" spans="1:12" s="593" customFormat="1" ht="20.100000000000001" customHeight="1" x14ac:dyDescent="0.2">
      <c r="A12" s="826"/>
      <c r="B12" s="590"/>
      <c r="C12" s="591" t="s">
        <v>116</v>
      </c>
      <c r="D12" s="824"/>
      <c r="E12" s="591" t="s">
        <v>117</v>
      </c>
      <c r="F12" s="591" t="s">
        <v>59</v>
      </c>
      <c r="G12" s="592" t="s">
        <v>280</v>
      </c>
      <c r="H12" s="824"/>
      <c r="I12" s="591" t="s">
        <v>162</v>
      </c>
      <c r="J12" s="591" t="s">
        <v>546</v>
      </c>
      <c r="K12" s="592" t="s">
        <v>545</v>
      </c>
      <c r="L12" s="736"/>
    </row>
    <row r="13" spans="1:12" s="21" customFormat="1" ht="10.5" x14ac:dyDescent="0.2">
      <c r="A13" s="161"/>
      <c r="B13" s="28"/>
      <c r="C13" s="27"/>
      <c r="D13" s="27"/>
      <c r="E13" s="27"/>
      <c r="F13" s="27"/>
      <c r="G13" s="459"/>
      <c r="H13" s="459"/>
      <c r="I13" s="459"/>
      <c r="J13" s="225"/>
      <c r="K13" s="225"/>
      <c r="L13" s="335"/>
    </row>
    <row r="14" spans="1:12" s="209" customFormat="1" ht="10.5" x14ac:dyDescent="0.2">
      <c r="A14" s="161" t="s">
        <v>644</v>
      </c>
      <c r="B14" s="358">
        <v>37550000</v>
      </c>
      <c r="C14" s="358">
        <v>37550000</v>
      </c>
      <c r="D14" s="358">
        <v>2832062.37</v>
      </c>
      <c r="E14" s="358">
        <v>23328287.329999998</v>
      </c>
      <c r="F14" s="206">
        <v>3.9925233501587956</v>
      </c>
      <c r="G14" s="358">
        <v>14221712.670000002</v>
      </c>
      <c r="H14" s="358">
        <v>5459372.0800000001</v>
      </c>
      <c r="I14" s="358">
        <v>10864577.33</v>
      </c>
      <c r="J14" s="206">
        <v>2.2471264359747325</v>
      </c>
      <c r="K14" s="476">
        <v>26685422.669999998</v>
      </c>
      <c r="L14" s="480">
        <v>0</v>
      </c>
    </row>
    <row r="15" spans="1:12" ht="10.5" x14ac:dyDescent="0.2">
      <c r="A15" s="213" t="s">
        <v>645</v>
      </c>
      <c r="B15" s="460">
        <v>21000000</v>
      </c>
      <c r="C15" s="460">
        <v>21000000</v>
      </c>
      <c r="D15" s="460">
        <v>2832062.37</v>
      </c>
      <c r="E15" s="460">
        <v>6888287.3299999991</v>
      </c>
      <c r="F15" s="246">
        <v>1.1788970025356758</v>
      </c>
      <c r="G15" s="345">
        <v>14111712.670000002</v>
      </c>
      <c r="H15" s="460">
        <v>2724921.0200000005</v>
      </c>
      <c r="I15" s="460">
        <v>5426765.2999999998</v>
      </c>
      <c r="J15" s="246">
        <v>1.1224208174014947</v>
      </c>
      <c r="K15" s="477">
        <v>15573234.699999999</v>
      </c>
      <c r="L15" s="478">
        <v>0</v>
      </c>
    </row>
    <row r="16" spans="1:12" ht="10.5" x14ac:dyDescent="0.2">
      <c r="A16" s="213" t="s">
        <v>646</v>
      </c>
      <c r="B16" s="460">
        <v>16550000</v>
      </c>
      <c r="C16" s="460">
        <v>16550000</v>
      </c>
      <c r="D16" s="460">
        <v>0</v>
      </c>
      <c r="E16" s="460">
        <v>16440000</v>
      </c>
      <c r="F16" s="246">
        <v>2.8136263476231198</v>
      </c>
      <c r="G16" s="345">
        <v>110000</v>
      </c>
      <c r="H16" s="460">
        <v>2734451.0599999996</v>
      </c>
      <c r="I16" s="460">
        <v>5437812.0300000003</v>
      </c>
      <c r="J16" s="246">
        <v>1.1247056185732376</v>
      </c>
      <c r="K16" s="477">
        <v>11112187.969999999</v>
      </c>
      <c r="L16" s="478">
        <v>0</v>
      </c>
    </row>
    <row r="17" spans="1:12" ht="10.5" x14ac:dyDescent="0.2">
      <c r="A17" s="213"/>
      <c r="B17" s="460"/>
      <c r="C17" s="460"/>
      <c r="D17" s="460"/>
      <c r="E17" s="460"/>
      <c r="F17" s="28"/>
      <c r="G17" s="345"/>
      <c r="H17" s="460"/>
      <c r="I17" s="460"/>
      <c r="J17" s="28"/>
      <c r="K17" s="478"/>
      <c r="L17" s="478"/>
    </row>
    <row r="18" spans="1:12" s="76" customFormat="1" ht="10.5" x14ac:dyDescent="0.2">
      <c r="A18" s="161" t="s">
        <v>647</v>
      </c>
      <c r="B18" s="358">
        <v>85050000</v>
      </c>
      <c r="C18" s="358">
        <v>91550000</v>
      </c>
      <c r="D18" s="358">
        <v>9380000</v>
      </c>
      <c r="E18" s="358">
        <v>72310000</v>
      </c>
      <c r="F18" s="206">
        <v>12.375506155512641</v>
      </c>
      <c r="G18" s="358">
        <v>19240000</v>
      </c>
      <c r="H18" s="358">
        <v>15153009.490000002</v>
      </c>
      <c r="I18" s="358">
        <v>29495958.98</v>
      </c>
      <c r="J18" s="206">
        <v>6.1006652320808046</v>
      </c>
      <c r="K18" s="476">
        <v>62054041.019999996</v>
      </c>
      <c r="L18" s="395">
        <v>0</v>
      </c>
    </row>
    <row r="19" spans="1:12" ht="10.5" x14ac:dyDescent="0.2">
      <c r="A19" s="213" t="s">
        <v>648</v>
      </c>
      <c r="B19" s="345">
        <v>85050000</v>
      </c>
      <c r="C19" s="345">
        <v>91550000</v>
      </c>
      <c r="D19" s="345">
        <v>9380000</v>
      </c>
      <c r="E19" s="345">
        <v>72310000</v>
      </c>
      <c r="F19" s="246">
        <v>12.375506155512641</v>
      </c>
      <c r="G19" s="345">
        <v>19240000</v>
      </c>
      <c r="H19" s="345">
        <v>15153009.490000002</v>
      </c>
      <c r="I19" s="345">
        <v>29495958.98</v>
      </c>
      <c r="J19" s="246">
        <v>6.1006652320808046</v>
      </c>
      <c r="K19" s="477">
        <v>62054041.019999996</v>
      </c>
      <c r="L19" s="478">
        <v>0</v>
      </c>
    </row>
    <row r="20" spans="1:12" ht="10.5" x14ac:dyDescent="0.2">
      <c r="A20" s="213"/>
      <c r="B20" s="345"/>
      <c r="C20" s="345"/>
      <c r="D20" s="345"/>
      <c r="E20" s="345"/>
      <c r="F20" s="28"/>
      <c r="G20" s="345"/>
      <c r="H20" s="345"/>
      <c r="I20" s="345"/>
      <c r="J20" s="28"/>
      <c r="K20" s="478"/>
      <c r="L20" s="478"/>
    </row>
    <row r="21" spans="1:12" s="76" customFormat="1" ht="10.5" x14ac:dyDescent="0.2">
      <c r="A21" s="182" t="s">
        <v>771</v>
      </c>
      <c r="B21" s="358">
        <v>79105300</v>
      </c>
      <c r="C21" s="358">
        <v>78536800</v>
      </c>
      <c r="D21" s="358">
        <v>11869726.529999997</v>
      </c>
      <c r="E21" s="358">
        <v>22910437.390000001</v>
      </c>
      <c r="F21" s="206">
        <v>3.9210103574254176</v>
      </c>
      <c r="G21" s="358">
        <v>55626362.609999999</v>
      </c>
      <c r="H21" s="358">
        <v>11527642.039999999</v>
      </c>
      <c r="I21" s="358">
        <v>22568296.410000004</v>
      </c>
      <c r="J21" s="206">
        <v>4.6678130163232643</v>
      </c>
      <c r="K21" s="476">
        <v>55968503.589999996</v>
      </c>
      <c r="L21" s="395">
        <v>0</v>
      </c>
    </row>
    <row r="22" spans="1:12" ht="10.5" x14ac:dyDescent="0.2">
      <c r="A22" s="213" t="s">
        <v>649</v>
      </c>
      <c r="B22" s="345">
        <v>32882400</v>
      </c>
      <c r="C22" s="345">
        <v>32882400</v>
      </c>
      <c r="D22" s="345">
        <v>5139527.169999999</v>
      </c>
      <c r="E22" s="345">
        <v>10274831.030000001</v>
      </c>
      <c r="F22" s="246">
        <v>1.7584875488676159</v>
      </c>
      <c r="G22" s="345">
        <v>22607568.969999999</v>
      </c>
      <c r="H22" s="345">
        <v>5139527.169999999</v>
      </c>
      <c r="I22" s="345">
        <v>10274781.030000001</v>
      </c>
      <c r="J22" s="246">
        <v>2.1251385465875914</v>
      </c>
      <c r="K22" s="477">
        <v>22607618.969999999</v>
      </c>
      <c r="L22" s="478">
        <v>0</v>
      </c>
    </row>
    <row r="23" spans="1:12" ht="10.5" x14ac:dyDescent="0.2">
      <c r="A23" s="213" t="s">
        <v>650</v>
      </c>
      <c r="B23" s="345">
        <v>24242900</v>
      </c>
      <c r="C23" s="345">
        <v>23674400</v>
      </c>
      <c r="D23" s="345">
        <v>1727267.8</v>
      </c>
      <c r="E23" s="345">
        <v>4426333.7500000009</v>
      </c>
      <c r="F23" s="246">
        <v>0.75754557557016122</v>
      </c>
      <c r="G23" s="345">
        <v>19248066.25</v>
      </c>
      <c r="H23" s="345">
        <v>1385183.31</v>
      </c>
      <c r="I23" s="345">
        <v>4084246.2600000007</v>
      </c>
      <c r="J23" s="246">
        <v>0.84474687446280361</v>
      </c>
      <c r="K23" s="477">
        <v>19590153.739999998</v>
      </c>
      <c r="L23" s="478">
        <v>0</v>
      </c>
    </row>
    <row r="24" spans="1:12" ht="10.5" x14ac:dyDescent="0.2">
      <c r="A24" s="213" t="s">
        <v>657</v>
      </c>
      <c r="B24" s="345">
        <v>20000</v>
      </c>
      <c r="C24" s="345">
        <v>20000</v>
      </c>
      <c r="D24" s="345">
        <v>0</v>
      </c>
      <c r="E24" s="345">
        <v>0</v>
      </c>
      <c r="F24" s="246">
        <v>0</v>
      </c>
      <c r="G24" s="345">
        <v>20000</v>
      </c>
      <c r="H24" s="345">
        <v>0</v>
      </c>
      <c r="I24" s="345">
        <v>0</v>
      </c>
      <c r="J24" s="246">
        <v>0</v>
      </c>
      <c r="K24" s="477">
        <v>20000</v>
      </c>
      <c r="L24" s="478">
        <v>0</v>
      </c>
    </row>
    <row r="25" spans="1:12" ht="10.5" x14ac:dyDescent="0.2">
      <c r="A25" s="213" t="s">
        <v>689</v>
      </c>
      <c r="B25" s="345">
        <v>21960000</v>
      </c>
      <c r="C25" s="345">
        <v>21960000</v>
      </c>
      <c r="D25" s="345">
        <v>5002931.5599999996</v>
      </c>
      <c r="E25" s="345">
        <v>8209272.6099999994</v>
      </c>
      <c r="F25" s="246">
        <v>1.4049772329876409</v>
      </c>
      <c r="G25" s="345">
        <v>13750727.390000001</v>
      </c>
      <c r="H25" s="345">
        <v>5002931.5599999996</v>
      </c>
      <c r="I25" s="345">
        <v>8209269.1199999992</v>
      </c>
      <c r="J25" s="246">
        <v>1.6979275952728685</v>
      </c>
      <c r="K25" s="477">
        <v>13750730.880000001</v>
      </c>
      <c r="L25" s="478">
        <v>0</v>
      </c>
    </row>
    <row r="26" spans="1:12" ht="10.5" x14ac:dyDescent="0.2">
      <c r="A26" s="213"/>
      <c r="B26" s="345"/>
      <c r="C26" s="345"/>
      <c r="D26" s="345"/>
      <c r="E26" s="345"/>
      <c r="F26" s="28"/>
      <c r="G26" s="345"/>
      <c r="H26" s="345"/>
      <c r="I26" s="345"/>
      <c r="J26" s="28"/>
      <c r="K26" s="478"/>
      <c r="L26" s="478"/>
    </row>
    <row r="27" spans="1:12" s="76" customFormat="1" ht="10.5" x14ac:dyDescent="0.2">
      <c r="A27" s="161" t="s">
        <v>651</v>
      </c>
      <c r="B27" s="358">
        <v>100140000</v>
      </c>
      <c r="C27" s="358">
        <v>125767183</v>
      </c>
      <c r="D27" s="358">
        <v>45012816.920000002</v>
      </c>
      <c r="E27" s="358">
        <v>89926885.859999985</v>
      </c>
      <c r="F27" s="206">
        <v>15.390550816021467</v>
      </c>
      <c r="G27" s="358">
        <v>35840297.140000015</v>
      </c>
      <c r="H27" s="358">
        <v>45221956.159999996</v>
      </c>
      <c r="I27" s="358">
        <v>89771994.929999992</v>
      </c>
      <c r="J27" s="206">
        <v>18.567590518258349</v>
      </c>
      <c r="K27" s="476">
        <v>35995188.070000008</v>
      </c>
      <c r="L27" s="395">
        <v>0</v>
      </c>
    </row>
    <row r="28" spans="1:12" ht="10.5" x14ac:dyDescent="0.2">
      <c r="A28" s="213" t="s">
        <v>653</v>
      </c>
      <c r="B28" s="345">
        <v>8140000</v>
      </c>
      <c r="C28" s="345">
        <v>19467183</v>
      </c>
      <c r="D28" s="345">
        <v>2906674.5599999996</v>
      </c>
      <c r="E28" s="345">
        <v>6220085.4899999984</v>
      </c>
      <c r="F28" s="246">
        <v>1.0645374950810378</v>
      </c>
      <c r="G28" s="345">
        <v>13247097.510000002</v>
      </c>
      <c r="H28" s="345">
        <v>3115813.8000000003</v>
      </c>
      <c r="I28" s="345">
        <v>6066196.5600000024</v>
      </c>
      <c r="J28" s="246">
        <v>1.2546747325507772</v>
      </c>
      <c r="K28" s="477">
        <v>13400986.439999998</v>
      </c>
      <c r="L28" s="478">
        <v>0</v>
      </c>
    </row>
    <row r="29" spans="1:12" ht="10.5" x14ac:dyDescent="0.2">
      <c r="A29" s="213" t="s">
        <v>654</v>
      </c>
      <c r="B29" s="345">
        <v>92000000</v>
      </c>
      <c r="C29" s="345">
        <v>106000000</v>
      </c>
      <c r="D29" s="345">
        <v>42106142.359999999</v>
      </c>
      <c r="E29" s="345">
        <v>83706800.36999999</v>
      </c>
      <c r="F29" s="246">
        <v>14.326013320940431</v>
      </c>
      <c r="G29" s="345">
        <v>22293199.63000001</v>
      </c>
      <c r="H29" s="345">
        <v>42106142.359999999</v>
      </c>
      <c r="I29" s="345">
        <v>83705798.36999999</v>
      </c>
      <c r="J29" s="246">
        <v>17.312915785707574</v>
      </c>
      <c r="K29" s="477">
        <v>22294201.63000001</v>
      </c>
      <c r="L29" s="478">
        <v>0</v>
      </c>
    </row>
    <row r="30" spans="1:12" ht="10.5" x14ac:dyDescent="0.2">
      <c r="A30" s="213" t="s">
        <v>655</v>
      </c>
      <c r="B30" s="345">
        <v>0</v>
      </c>
      <c r="C30" s="345">
        <v>300000</v>
      </c>
      <c r="D30" s="345">
        <v>0</v>
      </c>
      <c r="E30" s="345">
        <v>0</v>
      </c>
      <c r="F30" s="246">
        <v>0</v>
      </c>
      <c r="G30" s="345">
        <v>300000</v>
      </c>
      <c r="H30" s="345">
        <v>0</v>
      </c>
      <c r="I30" s="345">
        <v>0</v>
      </c>
      <c r="J30" s="246">
        <v>0</v>
      </c>
      <c r="K30" s="477">
        <v>300000</v>
      </c>
      <c r="L30" s="478">
        <v>0</v>
      </c>
    </row>
    <row r="31" spans="1:12" ht="10.5" x14ac:dyDescent="0.2">
      <c r="A31" s="213" t="s">
        <v>656</v>
      </c>
      <c r="B31" s="345">
        <v>0</v>
      </c>
      <c r="C31" s="345">
        <v>0</v>
      </c>
      <c r="D31" s="345">
        <v>0</v>
      </c>
      <c r="E31" s="345"/>
      <c r="F31" s="246">
        <v>0</v>
      </c>
      <c r="G31" s="345">
        <v>0</v>
      </c>
      <c r="H31" s="345">
        <v>0</v>
      </c>
      <c r="I31" s="345">
        <v>0</v>
      </c>
      <c r="J31" s="246">
        <v>0</v>
      </c>
      <c r="K31" s="477">
        <v>0</v>
      </c>
      <c r="L31" s="478">
        <v>0</v>
      </c>
    </row>
    <row r="32" spans="1:12" ht="10.5" x14ac:dyDescent="0.2">
      <c r="A32" s="213"/>
      <c r="B32" s="345"/>
      <c r="C32" s="345"/>
      <c r="D32" s="345"/>
      <c r="E32" s="345"/>
      <c r="F32" s="28"/>
      <c r="G32" s="345"/>
      <c r="H32" s="345"/>
      <c r="I32" s="345"/>
      <c r="J32" s="28"/>
      <c r="K32" s="478"/>
      <c r="L32" s="478"/>
    </row>
    <row r="33" spans="1:12" s="76" customFormat="1" ht="10.5" x14ac:dyDescent="0.2">
      <c r="A33" s="161" t="s">
        <v>660</v>
      </c>
      <c r="B33" s="358">
        <v>270960000</v>
      </c>
      <c r="C33" s="358">
        <v>268113000</v>
      </c>
      <c r="D33" s="358">
        <v>88684984.500000015</v>
      </c>
      <c r="E33" s="358">
        <v>134608420.69999999</v>
      </c>
      <c r="F33" s="206">
        <v>23.037579020283292</v>
      </c>
      <c r="G33" s="358">
        <v>133504579.30000001</v>
      </c>
      <c r="H33" s="358">
        <v>89566407.230000019</v>
      </c>
      <c r="I33" s="358">
        <v>134321783.06</v>
      </c>
      <c r="J33" s="206">
        <v>27.781847417840506</v>
      </c>
      <c r="K33" s="476">
        <v>133791216.94</v>
      </c>
      <c r="L33" s="395">
        <v>0</v>
      </c>
    </row>
    <row r="34" spans="1:12" ht="10.5" x14ac:dyDescent="0.2">
      <c r="A34" s="213" t="s">
        <v>661</v>
      </c>
      <c r="B34" s="345">
        <v>270960000</v>
      </c>
      <c r="C34" s="345">
        <v>268113000</v>
      </c>
      <c r="D34" s="345">
        <v>88684984.500000015</v>
      </c>
      <c r="E34" s="345">
        <v>134608420.69999999</v>
      </c>
      <c r="F34" s="246">
        <v>23.037579020283292</v>
      </c>
      <c r="G34" s="345">
        <v>133504579.30000001</v>
      </c>
      <c r="H34" s="345">
        <v>89566407.230000019</v>
      </c>
      <c r="I34" s="345">
        <v>134321783.06</v>
      </c>
      <c r="J34" s="246">
        <v>27.781847417840506</v>
      </c>
      <c r="K34" s="477">
        <v>133791216.94</v>
      </c>
      <c r="L34" s="478">
        <v>0</v>
      </c>
    </row>
    <row r="35" spans="1:12" ht="10.5" x14ac:dyDescent="0.2">
      <c r="A35" s="213"/>
      <c r="B35" s="345"/>
      <c r="C35" s="345"/>
      <c r="D35" s="345"/>
      <c r="E35" s="345"/>
      <c r="F35" s="28"/>
      <c r="G35" s="345"/>
      <c r="H35" s="345"/>
      <c r="I35" s="345"/>
      <c r="J35" s="28"/>
      <c r="K35" s="478"/>
      <c r="L35" s="478"/>
    </row>
    <row r="36" spans="1:12" s="76" customFormat="1" ht="10.5" x14ac:dyDescent="0.2">
      <c r="A36" s="161" t="s">
        <v>663</v>
      </c>
      <c r="B36" s="358">
        <v>620000</v>
      </c>
      <c r="C36" s="358">
        <v>6620000</v>
      </c>
      <c r="D36" s="358">
        <v>970523.1</v>
      </c>
      <c r="E36" s="358">
        <v>1932556.1199999996</v>
      </c>
      <c r="F36" s="206">
        <v>0.33074761663578506</v>
      </c>
      <c r="G36" s="358">
        <v>4687443.8800000008</v>
      </c>
      <c r="H36" s="358">
        <v>1072813.4400000002</v>
      </c>
      <c r="I36" s="358">
        <v>1917269.2499999998</v>
      </c>
      <c r="J36" s="206">
        <v>0.39654984135093341</v>
      </c>
      <c r="K36" s="476">
        <v>4702730.75</v>
      </c>
      <c r="L36" s="395">
        <v>0</v>
      </c>
    </row>
    <row r="37" spans="1:12" ht="10.5" x14ac:dyDescent="0.2">
      <c r="A37" s="213" t="s">
        <v>664</v>
      </c>
      <c r="B37" s="345">
        <v>620000</v>
      </c>
      <c r="C37" s="345">
        <v>6620000</v>
      </c>
      <c r="D37" s="345">
        <v>970523.1</v>
      </c>
      <c r="E37" s="345">
        <v>1932556.1199999996</v>
      </c>
      <c r="F37" s="246">
        <v>0.33074761663578506</v>
      </c>
      <c r="G37" s="345">
        <v>4687443.8800000008</v>
      </c>
      <c r="H37" s="345">
        <v>1072813.4400000002</v>
      </c>
      <c r="I37" s="345">
        <v>1917269.2499999998</v>
      </c>
      <c r="J37" s="246">
        <v>0.39654984135093341</v>
      </c>
      <c r="K37" s="477">
        <v>4702730.75</v>
      </c>
      <c r="L37" s="478">
        <v>0</v>
      </c>
    </row>
    <row r="38" spans="1:12" ht="10.5" x14ac:dyDescent="0.2">
      <c r="A38" s="213"/>
      <c r="B38" s="345"/>
      <c r="C38" s="345"/>
      <c r="D38" s="345"/>
      <c r="E38" s="345"/>
      <c r="F38" s="28"/>
      <c r="G38" s="345"/>
      <c r="H38" s="345"/>
      <c r="I38" s="345"/>
      <c r="J38" s="28"/>
      <c r="K38" s="478"/>
      <c r="L38" s="478"/>
    </row>
    <row r="39" spans="1:12" s="76" customFormat="1" ht="10.5" x14ac:dyDescent="0.2">
      <c r="A39" s="161" t="s">
        <v>665</v>
      </c>
      <c r="B39" s="358">
        <v>30000</v>
      </c>
      <c r="C39" s="358">
        <v>30000</v>
      </c>
      <c r="D39" s="358">
        <v>0</v>
      </c>
      <c r="E39" s="358">
        <v>0</v>
      </c>
      <c r="F39" s="206">
        <v>0</v>
      </c>
      <c r="G39" s="358">
        <v>30000</v>
      </c>
      <c r="H39" s="358">
        <v>0</v>
      </c>
      <c r="I39" s="358">
        <v>0</v>
      </c>
      <c r="J39" s="206">
        <v>0</v>
      </c>
      <c r="K39" s="476">
        <v>30000</v>
      </c>
      <c r="L39" s="395">
        <v>0</v>
      </c>
    </row>
    <row r="40" spans="1:12" ht="10.5" x14ac:dyDescent="0.2">
      <c r="A40" s="213" t="s">
        <v>666</v>
      </c>
      <c r="B40" s="345">
        <v>30000</v>
      </c>
      <c r="C40" s="345">
        <v>30000</v>
      </c>
      <c r="D40" s="345">
        <v>0</v>
      </c>
      <c r="E40" s="345">
        <v>0</v>
      </c>
      <c r="F40" s="246">
        <v>0</v>
      </c>
      <c r="G40" s="345">
        <v>30000</v>
      </c>
      <c r="H40" s="345">
        <v>0</v>
      </c>
      <c r="I40" s="345">
        <v>0</v>
      </c>
      <c r="J40" s="246">
        <v>0</v>
      </c>
      <c r="K40" s="477">
        <v>30000</v>
      </c>
      <c r="L40" s="478">
        <v>0</v>
      </c>
    </row>
    <row r="41" spans="1:12" ht="10.5" x14ac:dyDescent="0.2">
      <c r="A41" s="213"/>
      <c r="B41" s="345"/>
      <c r="C41" s="345"/>
      <c r="D41" s="345"/>
      <c r="E41" s="345"/>
      <c r="F41" s="28"/>
      <c r="G41" s="345"/>
      <c r="H41" s="345"/>
      <c r="I41" s="345"/>
      <c r="J41" s="28"/>
      <c r="K41" s="478"/>
      <c r="L41" s="478"/>
    </row>
    <row r="42" spans="1:12" s="76" customFormat="1" ht="10.5" x14ac:dyDescent="0.2">
      <c r="A42" s="161" t="s">
        <v>667</v>
      </c>
      <c r="B42" s="358">
        <v>16642800</v>
      </c>
      <c r="C42" s="358">
        <v>32362800</v>
      </c>
      <c r="D42" s="358">
        <v>12727346.450000001</v>
      </c>
      <c r="E42" s="358">
        <v>19428429.329999998</v>
      </c>
      <c r="F42" s="206">
        <v>3.3250815484076517</v>
      </c>
      <c r="G42" s="358">
        <v>12934370.67</v>
      </c>
      <c r="H42" s="358">
        <v>14171570.08</v>
      </c>
      <c r="I42" s="358">
        <v>19185486.199999999</v>
      </c>
      <c r="J42" s="206">
        <v>3.9681445414359633</v>
      </c>
      <c r="K42" s="476">
        <v>13177313.800000001</v>
      </c>
      <c r="L42" s="395">
        <v>0</v>
      </c>
    </row>
    <row r="43" spans="1:12" ht="10.5" x14ac:dyDescent="0.2">
      <c r="A43" s="213" t="s">
        <v>653</v>
      </c>
      <c r="B43" s="345">
        <v>16512800</v>
      </c>
      <c r="C43" s="345">
        <v>19032800</v>
      </c>
      <c r="D43" s="345">
        <v>8617479.4500000011</v>
      </c>
      <c r="E43" s="345">
        <v>11740848.33</v>
      </c>
      <c r="F43" s="246">
        <v>2.0093893068573543</v>
      </c>
      <c r="G43" s="345">
        <v>7291951.6699999999</v>
      </c>
      <c r="H43" s="345">
        <v>8597400.5700000003</v>
      </c>
      <c r="I43" s="345">
        <v>11698974.140000001</v>
      </c>
      <c r="J43" s="246">
        <v>2.4197051818286206</v>
      </c>
      <c r="K43" s="477">
        <v>7333825.8599999994</v>
      </c>
      <c r="L43" s="478">
        <v>0</v>
      </c>
    </row>
    <row r="44" spans="1:12" ht="10.5" x14ac:dyDescent="0.2">
      <c r="A44" s="213" t="s">
        <v>657</v>
      </c>
      <c r="B44" s="345">
        <v>0</v>
      </c>
      <c r="C44" s="345">
        <v>0</v>
      </c>
      <c r="D44" s="345">
        <v>0</v>
      </c>
      <c r="E44" s="345">
        <v>0</v>
      </c>
      <c r="F44" s="246">
        <v>0</v>
      </c>
      <c r="G44" s="345">
        <v>0</v>
      </c>
      <c r="H44" s="345"/>
      <c r="I44" s="345"/>
      <c r="J44" s="246">
        <v>0</v>
      </c>
      <c r="K44" s="477">
        <v>0</v>
      </c>
      <c r="L44" s="478">
        <v>0</v>
      </c>
    </row>
    <row r="45" spans="1:12" ht="10.5" x14ac:dyDescent="0.2">
      <c r="A45" s="213" t="s">
        <v>670</v>
      </c>
      <c r="B45" s="345">
        <v>0</v>
      </c>
      <c r="C45" s="345">
        <v>13200000</v>
      </c>
      <c r="D45" s="345">
        <v>4109867</v>
      </c>
      <c r="E45" s="345">
        <v>7687581</v>
      </c>
      <c r="F45" s="246">
        <v>1.3156922415502976</v>
      </c>
      <c r="G45" s="345">
        <v>5512419</v>
      </c>
      <c r="H45" s="345">
        <v>5574169.5099999998</v>
      </c>
      <c r="I45" s="345">
        <v>7486512.0599999996</v>
      </c>
      <c r="J45" s="246">
        <v>1.5484393596073425</v>
      </c>
      <c r="K45" s="477">
        <v>5713487.9400000004</v>
      </c>
      <c r="L45" s="478">
        <v>0</v>
      </c>
    </row>
    <row r="46" spans="1:12" ht="10.5" x14ac:dyDescent="0.2">
      <c r="A46" s="213" t="s">
        <v>772</v>
      </c>
      <c r="B46" s="345">
        <v>27000</v>
      </c>
      <c r="C46" s="345">
        <v>27000</v>
      </c>
      <c r="D46" s="345">
        <v>0</v>
      </c>
      <c r="E46" s="345">
        <v>0</v>
      </c>
      <c r="F46" s="246">
        <v>0</v>
      </c>
      <c r="G46" s="345">
        <v>27000</v>
      </c>
      <c r="H46" s="345"/>
      <c r="I46" s="345"/>
      <c r="J46" s="246">
        <v>0</v>
      </c>
      <c r="K46" s="477">
        <v>27000</v>
      </c>
      <c r="L46" s="478">
        <v>0</v>
      </c>
    </row>
    <row r="47" spans="1:12" ht="10.5" x14ac:dyDescent="0.2">
      <c r="A47" s="213" t="s">
        <v>672</v>
      </c>
      <c r="B47" s="345">
        <v>90000</v>
      </c>
      <c r="C47" s="345">
        <v>90000</v>
      </c>
      <c r="D47" s="345">
        <v>0</v>
      </c>
      <c r="E47" s="345">
        <v>0</v>
      </c>
      <c r="F47" s="246">
        <v>0</v>
      </c>
      <c r="G47" s="345">
        <v>90000</v>
      </c>
      <c r="H47" s="345"/>
      <c r="I47" s="345"/>
      <c r="J47" s="246">
        <v>0</v>
      </c>
      <c r="K47" s="477">
        <v>90000</v>
      </c>
      <c r="L47" s="478">
        <v>0</v>
      </c>
    </row>
    <row r="48" spans="1:12" s="305" customFormat="1" ht="10.5" x14ac:dyDescent="0.2">
      <c r="A48" s="213" t="s">
        <v>820</v>
      </c>
      <c r="B48" s="345">
        <v>13000</v>
      </c>
      <c r="C48" s="345">
        <v>13000</v>
      </c>
      <c r="D48" s="345">
        <v>0</v>
      </c>
      <c r="E48" s="345">
        <v>0</v>
      </c>
      <c r="F48" s="246">
        <v>0</v>
      </c>
      <c r="G48" s="345">
        <v>13000</v>
      </c>
      <c r="H48" s="345"/>
      <c r="I48" s="345"/>
      <c r="J48" s="474">
        <v>0</v>
      </c>
      <c r="K48" s="477">
        <v>13000</v>
      </c>
      <c r="L48" s="478">
        <v>0</v>
      </c>
    </row>
    <row r="49" spans="1:12" ht="12.75" x14ac:dyDescent="0.2">
      <c r="A49" s="213"/>
      <c r="B49" s="345"/>
      <c r="C49" s="345"/>
      <c r="D49" s="345"/>
      <c r="E49" s="345"/>
      <c r="F49" s="473"/>
      <c r="G49" s="345"/>
      <c r="H49" s="345"/>
      <c r="I49" s="345"/>
      <c r="J49" s="473"/>
      <c r="K49" s="477"/>
      <c r="L49" s="478"/>
    </row>
    <row r="50" spans="1:12" s="76" customFormat="1" ht="10.5" x14ac:dyDescent="0.2">
      <c r="A50" s="161" t="s">
        <v>668</v>
      </c>
      <c r="B50" s="358">
        <v>920000</v>
      </c>
      <c r="C50" s="358">
        <v>920000</v>
      </c>
      <c r="D50" s="358">
        <v>251912.34000000003</v>
      </c>
      <c r="E50" s="358">
        <v>560622.90999999992</v>
      </c>
      <c r="F50" s="206">
        <v>9.594789480882876E-2</v>
      </c>
      <c r="G50" s="358">
        <v>359377.09000000008</v>
      </c>
      <c r="H50" s="358">
        <v>251909.34000000003</v>
      </c>
      <c r="I50" s="358">
        <v>501040.39</v>
      </c>
      <c r="J50" s="206">
        <v>0.10363045626737603</v>
      </c>
      <c r="K50" s="476">
        <v>418959.61</v>
      </c>
      <c r="L50" s="395">
        <v>0</v>
      </c>
    </row>
    <row r="51" spans="1:12" ht="10.5" x14ac:dyDescent="0.2">
      <c r="A51" s="213" t="s">
        <v>766</v>
      </c>
      <c r="B51" s="345">
        <v>920000</v>
      </c>
      <c r="C51" s="345">
        <v>920000</v>
      </c>
      <c r="D51" s="345">
        <v>251912.34000000003</v>
      </c>
      <c r="E51" s="345">
        <v>560622.90999999992</v>
      </c>
      <c r="F51" s="246">
        <v>9.594789480882876E-2</v>
      </c>
      <c r="G51" s="345">
        <v>359377.09000000008</v>
      </c>
      <c r="H51" s="345">
        <v>251909.34000000003</v>
      </c>
      <c r="I51" s="345">
        <v>501040.39</v>
      </c>
      <c r="J51" s="246">
        <v>0.10363045626737603</v>
      </c>
      <c r="K51" s="477">
        <v>418959.61</v>
      </c>
      <c r="L51" s="478">
        <v>0</v>
      </c>
    </row>
    <row r="52" spans="1:12" ht="10.5" x14ac:dyDescent="0.2">
      <c r="A52" s="213"/>
      <c r="B52" s="345"/>
      <c r="C52" s="345"/>
      <c r="D52" s="345"/>
      <c r="E52" s="345"/>
      <c r="F52" s="28"/>
      <c r="G52" s="345"/>
      <c r="H52" s="345"/>
      <c r="I52" s="345"/>
      <c r="J52" s="28"/>
      <c r="K52" s="478"/>
      <c r="L52" s="478"/>
    </row>
    <row r="53" spans="1:12" s="76" customFormat="1" ht="10.5" x14ac:dyDescent="0.2">
      <c r="A53" s="161" t="s">
        <v>684</v>
      </c>
      <c r="B53" s="358">
        <v>201446800</v>
      </c>
      <c r="C53" s="358">
        <v>252029344.25000003</v>
      </c>
      <c r="D53" s="358">
        <v>91399994.289999992</v>
      </c>
      <c r="E53" s="358">
        <v>185655613.36000001</v>
      </c>
      <c r="F53" s="206">
        <v>31.77405871860261</v>
      </c>
      <c r="G53" s="358">
        <v>66373730.890000001</v>
      </c>
      <c r="H53" s="358">
        <v>58351170.339999996</v>
      </c>
      <c r="I53" s="358">
        <v>141512777.62999997</v>
      </c>
      <c r="J53" s="206">
        <v>29.269164734325347</v>
      </c>
      <c r="K53" s="476">
        <v>110516566.62000005</v>
      </c>
      <c r="L53" s="395">
        <v>0</v>
      </c>
    </row>
    <row r="54" spans="1:12" ht="10.5" x14ac:dyDescent="0.2">
      <c r="A54" s="212" t="s">
        <v>653</v>
      </c>
      <c r="B54" s="345">
        <v>201446800</v>
      </c>
      <c r="C54" s="345">
        <v>251651836.42000002</v>
      </c>
      <c r="D54" s="345">
        <v>91399994.289999992</v>
      </c>
      <c r="E54" s="345">
        <v>185655613.36000001</v>
      </c>
      <c r="F54" s="246">
        <v>31.77405871860261</v>
      </c>
      <c r="G54" s="345">
        <v>65996223.060000002</v>
      </c>
      <c r="H54" s="345">
        <v>58351170.339999996</v>
      </c>
      <c r="I54" s="345">
        <v>141512777.62999997</v>
      </c>
      <c r="J54" s="246">
        <v>29.269164734325347</v>
      </c>
      <c r="K54" s="477">
        <v>110139058.79000005</v>
      </c>
      <c r="L54" s="478">
        <v>0</v>
      </c>
    </row>
    <row r="55" spans="1:12" ht="10.5" x14ac:dyDescent="0.2">
      <c r="A55" s="213" t="s">
        <v>677</v>
      </c>
      <c r="B55" s="345">
        <v>0</v>
      </c>
      <c r="C55" s="345">
        <v>0</v>
      </c>
      <c r="D55" s="345">
        <v>0</v>
      </c>
      <c r="E55" s="345">
        <v>0</v>
      </c>
      <c r="F55" s="246">
        <v>0</v>
      </c>
      <c r="G55" s="345">
        <v>0</v>
      </c>
      <c r="H55" s="345">
        <v>0</v>
      </c>
      <c r="I55" s="345">
        <v>0</v>
      </c>
      <c r="J55" s="246">
        <v>0</v>
      </c>
      <c r="K55" s="477">
        <v>0</v>
      </c>
      <c r="L55" s="478">
        <v>0</v>
      </c>
    </row>
    <row r="56" spans="1:12" ht="10.5" x14ac:dyDescent="0.2">
      <c r="A56" s="213" t="s">
        <v>764</v>
      </c>
      <c r="B56" s="345">
        <v>0</v>
      </c>
      <c r="C56" s="345">
        <v>0</v>
      </c>
      <c r="D56" s="345">
        <v>0</v>
      </c>
      <c r="E56" s="345">
        <v>0</v>
      </c>
      <c r="F56" s="246">
        <v>0</v>
      </c>
      <c r="G56" s="345">
        <v>0</v>
      </c>
      <c r="H56" s="345">
        <v>0</v>
      </c>
      <c r="I56" s="345">
        <v>0</v>
      </c>
      <c r="J56" s="246">
        <v>0</v>
      </c>
      <c r="K56" s="477">
        <v>0</v>
      </c>
      <c r="L56" s="478">
        <v>0</v>
      </c>
    </row>
    <row r="57" spans="1:12" ht="10.5" x14ac:dyDescent="0.2">
      <c r="A57" s="637" t="s">
        <v>682</v>
      </c>
      <c r="B57" s="345">
        <v>0</v>
      </c>
      <c r="C57" s="345">
        <v>377507.82999999996</v>
      </c>
      <c r="D57" s="345">
        <v>0</v>
      </c>
      <c r="E57" s="345">
        <v>0</v>
      </c>
      <c r="F57" s="404">
        <v>0</v>
      </c>
      <c r="G57" s="345">
        <v>377507.82999999996</v>
      </c>
      <c r="H57" s="345">
        <v>0</v>
      </c>
      <c r="I57" s="345">
        <v>0</v>
      </c>
      <c r="J57" s="404">
        <v>0</v>
      </c>
      <c r="K57" s="477">
        <v>377507.82999999996</v>
      </c>
      <c r="L57" s="478">
        <v>0</v>
      </c>
    </row>
    <row r="58" spans="1:12" s="305" customFormat="1" ht="10.5" x14ac:dyDescent="0.2">
      <c r="A58" s="637"/>
      <c r="B58" s="345"/>
      <c r="C58" s="345"/>
      <c r="D58" s="345"/>
      <c r="E58" s="345"/>
      <c r="F58" s="28"/>
      <c r="G58" s="345"/>
      <c r="H58" s="345"/>
      <c r="I58" s="345"/>
      <c r="J58" s="28"/>
      <c r="K58" s="478"/>
      <c r="L58" s="478"/>
    </row>
    <row r="59" spans="1:12" s="76" customFormat="1" ht="10.5" x14ac:dyDescent="0.2">
      <c r="A59" s="161" t="s">
        <v>685</v>
      </c>
      <c r="B59" s="358">
        <v>1654500</v>
      </c>
      <c r="C59" s="358">
        <v>814500</v>
      </c>
      <c r="D59" s="358">
        <v>177931.84000000003</v>
      </c>
      <c r="E59" s="358">
        <v>360645.31000000006</v>
      </c>
      <c r="F59" s="206">
        <v>6.1722697467318011E-2</v>
      </c>
      <c r="G59" s="358">
        <v>453854.68999999994</v>
      </c>
      <c r="H59" s="358">
        <v>173700.83000000002</v>
      </c>
      <c r="I59" s="358">
        <v>356413.43000000005</v>
      </c>
      <c r="J59" s="206">
        <v>7.3717183500357109E-2</v>
      </c>
      <c r="K59" s="476">
        <v>458086.56999999995</v>
      </c>
      <c r="L59" s="395">
        <v>0</v>
      </c>
    </row>
    <row r="60" spans="1:12" ht="10.5" x14ac:dyDescent="0.2">
      <c r="A60" s="213" t="s">
        <v>686</v>
      </c>
      <c r="B60" s="345">
        <v>1654500</v>
      </c>
      <c r="C60" s="345">
        <v>814500</v>
      </c>
      <c r="D60" s="345">
        <v>177931.84000000003</v>
      </c>
      <c r="E60" s="345">
        <v>360645.31000000006</v>
      </c>
      <c r="F60" s="246">
        <v>6.1722697467318011E-2</v>
      </c>
      <c r="G60" s="345">
        <v>453854.68999999994</v>
      </c>
      <c r="H60" s="345">
        <v>173700.83000000002</v>
      </c>
      <c r="I60" s="345">
        <v>356413.43000000005</v>
      </c>
      <c r="J60" s="246">
        <v>7.3717183500357109E-2</v>
      </c>
      <c r="K60" s="477">
        <v>458086.56999999995</v>
      </c>
      <c r="L60" s="478">
        <v>0</v>
      </c>
    </row>
    <row r="61" spans="1:12" ht="10.5" x14ac:dyDescent="0.2">
      <c r="A61" s="213"/>
      <c r="B61" s="345"/>
      <c r="C61" s="345"/>
      <c r="D61" s="345"/>
      <c r="E61" s="345"/>
      <c r="F61" s="28"/>
      <c r="G61" s="345"/>
      <c r="H61" s="345"/>
      <c r="I61" s="345"/>
      <c r="J61" s="28"/>
      <c r="K61" s="478"/>
      <c r="L61" s="478"/>
    </row>
    <row r="62" spans="1:12" s="76" customFormat="1" ht="10.5" x14ac:dyDescent="0.2">
      <c r="A62" s="161" t="s">
        <v>687</v>
      </c>
      <c r="B62" s="358">
        <v>10977800</v>
      </c>
      <c r="C62" s="358">
        <v>11002400</v>
      </c>
      <c r="D62" s="358">
        <v>3620468.9600000004</v>
      </c>
      <c r="E62" s="358">
        <v>7981014.0800000001</v>
      </c>
      <c r="F62" s="206">
        <v>1.3659118914987283</v>
      </c>
      <c r="G62" s="358">
        <v>3021385.9200000004</v>
      </c>
      <c r="H62" s="358">
        <v>4366152.07</v>
      </c>
      <c r="I62" s="358">
        <v>7975137.04</v>
      </c>
      <c r="J62" s="206">
        <v>1.6495019298744571</v>
      </c>
      <c r="K62" s="476">
        <v>3027262.96</v>
      </c>
      <c r="L62" s="395">
        <v>0</v>
      </c>
    </row>
    <row r="63" spans="1:12" ht="10.5" x14ac:dyDescent="0.2">
      <c r="A63" s="213" t="s">
        <v>658</v>
      </c>
      <c r="B63" s="345">
        <v>370800</v>
      </c>
      <c r="C63" s="345">
        <v>395400</v>
      </c>
      <c r="D63" s="345">
        <v>71422.45</v>
      </c>
      <c r="E63" s="345">
        <v>139661.32</v>
      </c>
      <c r="F63" s="246">
        <v>2.3902358254003882E-2</v>
      </c>
      <c r="G63" s="345">
        <v>255738.68</v>
      </c>
      <c r="H63" s="345">
        <v>71137.579999999987</v>
      </c>
      <c r="I63" s="345">
        <v>138709.28000000003</v>
      </c>
      <c r="J63" s="246">
        <v>2.8689315795317857E-2</v>
      </c>
      <c r="K63" s="477">
        <v>256690.71999999997</v>
      </c>
      <c r="L63" s="478">
        <v>0</v>
      </c>
    </row>
    <row r="64" spans="1:12" ht="10.5" x14ac:dyDescent="0.2">
      <c r="A64" s="53" t="s">
        <v>688</v>
      </c>
      <c r="B64" s="345">
        <v>10607000</v>
      </c>
      <c r="C64" s="345">
        <v>10607000</v>
      </c>
      <c r="D64" s="345">
        <v>3549046.5100000002</v>
      </c>
      <c r="E64" s="345">
        <v>7841352.7599999998</v>
      </c>
      <c r="F64" s="246">
        <v>1.3420095332447246</v>
      </c>
      <c r="G64" s="345">
        <v>2765647.24</v>
      </c>
      <c r="H64" s="345">
        <v>4295014.49</v>
      </c>
      <c r="I64" s="345">
        <v>7836427.7599999998</v>
      </c>
      <c r="J64" s="246">
        <v>1.6208126140791392</v>
      </c>
      <c r="K64" s="477">
        <v>2770572.24</v>
      </c>
      <c r="L64" s="478">
        <v>0</v>
      </c>
    </row>
    <row r="65" spans="1:12" ht="10.5" x14ac:dyDescent="0.2">
      <c r="A65" s="213" t="s">
        <v>689</v>
      </c>
      <c r="B65" s="345">
        <v>0</v>
      </c>
      <c r="C65" s="345">
        <v>0</v>
      </c>
      <c r="D65" s="345">
        <v>0</v>
      </c>
      <c r="E65" s="345">
        <v>0</v>
      </c>
      <c r="F65" s="246">
        <v>0</v>
      </c>
      <c r="G65" s="345">
        <v>0</v>
      </c>
      <c r="H65" s="345">
        <v>0</v>
      </c>
      <c r="I65" s="345">
        <v>0</v>
      </c>
      <c r="J65" s="246">
        <v>0</v>
      </c>
      <c r="K65" s="477">
        <v>0</v>
      </c>
      <c r="L65" s="478">
        <v>0</v>
      </c>
    </row>
    <row r="66" spans="1:12" ht="10.5" x14ac:dyDescent="0.2">
      <c r="A66" s="213"/>
      <c r="B66" s="345"/>
      <c r="C66" s="345"/>
      <c r="D66" s="345"/>
      <c r="E66" s="345"/>
      <c r="F66" s="28"/>
      <c r="G66" s="345"/>
      <c r="H66" s="345"/>
      <c r="I66" s="345"/>
      <c r="J66" s="28"/>
      <c r="K66" s="478"/>
      <c r="L66" s="478"/>
    </row>
    <row r="67" spans="1:12" s="76" customFormat="1" ht="10.5" x14ac:dyDescent="0.2">
      <c r="A67" s="161" t="s">
        <v>694</v>
      </c>
      <c r="B67" s="358">
        <v>442400</v>
      </c>
      <c r="C67" s="358">
        <v>442400</v>
      </c>
      <c r="D67" s="358">
        <v>116317.26</v>
      </c>
      <c r="E67" s="358">
        <v>236678.68</v>
      </c>
      <c r="F67" s="206">
        <v>4.0506409365490333E-2</v>
      </c>
      <c r="G67" s="358">
        <v>205721.32</v>
      </c>
      <c r="H67" s="358">
        <v>107391.10000000002</v>
      </c>
      <c r="I67" s="358">
        <v>236673.86</v>
      </c>
      <c r="J67" s="206">
        <v>4.8951383137716853E-2</v>
      </c>
      <c r="K67" s="476">
        <v>205726.14</v>
      </c>
      <c r="L67" s="395">
        <v>0</v>
      </c>
    </row>
    <row r="68" spans="1:12" ht="10.5" x14ac:dyDescent="0.2">
      <c r="A68" s="213" t="s">
        <v>653</v>
      </c>
      <c r="B68" s="345">
        <v>442400</v>
      </c>
      <c r="C68" s="345">
        <v>442400</v>
      </c>
      <c r="D68" s="345">
        <v>116317.26</v>
      </c>
      <c r="E68" s="345">
        <v>236678.68</v>
      </c>
      <c r="F68" s="246">
        <v>4.0506409365490333E-2</v>
      </c>
      <c r="G68" s="345">
        <v>205721.32</v>
      </c>
      <c r="H68" s="345">
        <v>107391.10000000002</v>
      </c>
      <c r="I68" s="345">
        <v>236673.86</v>
      </c>
      <c r="J68" s="246">
        <v>4.8951383137716853E-2</v>
      </c>
      <c r="K68" s="477">
        <v>205726.14</v>
      </c>
      <c r="L68" s="478">
        <v>0</v>
      </c>
    </row>
    <row r="69" spans="1:12" ht="10.5" x14ac:dyDescent="0.2">
      <c r="A69" s="213" t="s">
        <v>695</v>
      </c>
      <c r="B69" s="345">
        <v>0</v>
      </c>
      <c r="C69" s="345">
        <v>0</v>
      </c>
      <c r="D69" s="345">
        <v>0</v>
      </c>
      <c r="E69" s="345">
        <v>0</v>
      </c>
      <c r="F69" s="246">
        <v>0</v>
      </c>
      <c r="G69" s="345">
        <v>0</v>
      </c>
      <c r="H69" s="345">
        <v>0</v>
      </c>
      <c r="I69" s="345">
        <v>0</v>
      </c>
      <c r="J69" s="246">
        <v>0</v>
      </c>
      <c r="K69" s="477">
        <v>0</v>
      </c>
      <c r="L69" s="478">
        <v>0</v>
      </c>
    </row>
    <row r="70" spans="1:12" ht="10.5" x14ac:dyDescent="0.2">
      <c r="A70" s="213"/>
      <c r="B70" s="345"/>
      <c r="C70" s="345"/>
      <c r="D70" s="345"/>
      <c r="E70" s="345"/>
      <c r="F70" s="28"/>
      <c r="G70" s="345"/>
      <c r="H70" s="345"/>
      <c r="I70" s="345"/>
      <c r="J70" s="28"/>
      <c r="K70" s="478"/>
      <c r="L70" s="478"/>
    </row>
    <row r="71" spans="1:12" s="76" customFormat="1" ht="10.5" x14ac:dyDescent="0.2">
      <c r="A71" s="161" t="s">
        <v>698</v>
      </c>
      <c r="B71" s="358">
        <v>1948200</v>
      </c>
      <c r="C71" s="358">
        <v>3948200</v>
      </c>
      <c r="D71" s="358">
        <v>738397.54000000015</v>
      </c>
      <c r="E71" s="358">
        <v>1356124.69</v>
      </c>
      <c r="F71" s="206">
        <v>0.23209417022179049</v>
      </c>
      <c r="G71" s="358">
        <v>2592075.31</v>
      </c>
      <c r="H71" s="358">
        <v>735834.83</v>
      </c>
      <c r="I71" s="358">
        <v>1353557.9799999997</v>
      </c>
      <c r="J71" s="206">
        <v>0.2799571329004989</v>
      </c>
      <c r="K71" s="476">
        <v>2594642.0200000005</v>
      </c>
      <c r="L71" s="395">
        <v>0</v>
      </c>
    </row>
    <row r="72" spans="1:12" ht="10.5" x14ac:dyDescent="0.2">
      <c r="A72" s="634" t="s">
        <v>653</v>
      </c>
      <c r="B72" s="345">
        <v>1948200</v>
      </c>
      <c r="C72" s="345">
        <v>3948200</v>
      </c>
      <c r="D72" s="345">
        <v>738397.54000000015</v>
      </c>
      <c r="E72" s="345">
        <v>1356124.69</v>
      </c>
      <c r="F72" s="246">
        <v>0.23209417022179049</v>
      </c>
      <c r="G72" s="345">
        <v>2592075.31</v>
      </c>
      <c r="H72" s="345">
        <v>735834.83</v>
      </c>
      <c r="I72" s="345">
        <v>1353557.9799999997</v>
      </c>
      <c r="J72" s="246">
        <v>0.2799571329004989</v>
      </c>
      <c r="K72" s="477">
        <v>2594642.0200000005</v>
      </c>
      <c r="L72" s="478">
        <v>0</v>
      </c>
    </row>
    <row r="73" spans="1:12" ht="10.5" x14ac:dyDescent="0.2">
      <c r="A73" s="213"/>
      <c r="B73" s="345"/>
      <c r="C73" s="345"/>
      <c r="D73" s="345"/>
      <c r="E73" s="345"/>
      <c r="F73" s="28"/>
      <c r="G73" s="345"/>
      <c r="H73" s="345"/>
      <c r="I73" s="345"/>
      <c r="J73" s="28"/>
      <c r="K73" s="478"/>
      <c r="L73" s="478"/>
    </row>
    <row r="74" spans="1:12" s="76" customFormat="1" ht="10.5" x14ac:dyDescent="0.2">
      <c r="A74" s="161" t="s">
        <v>704</v>
      </c>
      <c r="B74" s="358">
        <v>42000</v>
      </c>
      <c r="C74" s="358">
        <v>0</v>
      </c>
      <c r="D74" s="358">
        <v>0</v>
      </c>
      <c r="E74" s="358">
        <v>0</v>
      </c>
      <c r="F74" s="206">
        <v>0</v>
      </c>
      <c r="G74" s="358">
        <v>0</v>
      </c>
      <c r="H74" s="358">
        <v>0</v>
      </c>
      <c r="I74" s="358">
        <v>0</v>
      </c>
      <c r="J74" s="206">
        <v>0</v>
      </c>
      <c r="K74" s="476">
        <v>0</v>
      </c>
      <c r="L74" s="395">
        <v>0</v>
      </c>
    </row>
    <row r="75" spans="1:12" ht="10.5" x14ac:dyDescent="0.2">
      <c r="A75" s="213" t="s">
        <v>705</v>
      </c>
      <c r="B75" s="345">
        <v>42000</v>
      </c>
      <c r="C75" s="345"/>
      <c r="D75" s="345">
        <v>0</v>
      </c>
      <c r="E75" s="345">
        <v>0</v>
      </c>
      <c r="F75" s="246">
        <v>0</v>
      </c>
      <c r="G75" s="345">
        <v>0</v>
      </c>
      <c r="H75" s="345">
        <v>0</v>
      </c>
      <c r="I75" s="345">
        <v>0</v>
      </c>
      <c r="J75" s="246">
        <v>0</v>
      </c>
      <c r="K75" s="477">
        <v>0</v>
      </c>
      <c r="L75" s="478">
        <v>0</v>
      </c>
    </row>
    <row r="76" spans="1:12" ht="10.5" x14ac:dyDescent="0.2">
      <c r="A76" s="213"/>
      <c r="B76" s="345"/>
      <c r="C76" s="345"/>
      <c r="D76" s="345"/>
      <c r="E76" s="345"/>
      <c r="F76" s="28"/>
      <c r="G76" s="345"/>
      <c r="H76" s="345"/>
      <c r="I76" s="345"/>
      <c r="J76" s="28"/>
      <c r="K76" s="478"/>
      <c r="L76" s="478"/>
    </row>
    <row r="77" spans="1:12" s="76" customFormat="1" ht="10.5" x14ac:dyDescent="0.2">
      <c r="A77" s="161" t="s">
        <v>708</v>
      </c>
      <c r="B77" s="358">
        <v>8227000</v>
      </c>
      <c r="C77" s="358">
        <v>15977000</v>
      </c>
      <c r="D77" s="358">
        <v>4157553.4399999995</v>
      </c>
      <c r="E77" s="358">
        <v>8406556.8300000001</v>
      </c>
      <c r="F77" s="206">
        <v>1.4387414713916724</v>
      </c>
      <c r="G77" s="358">
        <v>7570443.1699999999</v>
      </c>
      <c r="H77" s="358">
        <v>4900472.6999999993</v>
      </c>
      <c r="I77" s="358">
        <v>8396045.5800000001</v>
      </c>
      <c r="J77" s="206">
        <v>1.736558672040563</v>
      </c>
      <c r="K77" s="476">
        <v>7580954.4199999999</v>
      </c>
      <c r="L77" s="395">
        <v>0</v>
      </c>
    </row>
    <row r="78" spans="1:12" ht="10.5" x14ac:dyDescent="0.2">
      <c r="A78" s="213" t="s">
        <v>653</v>
      </c>
      <c r="B78" s="345">
        <v>8227000</v>
      </c>
      <c r="C78" s="345">
        <v>15977000</v>
      </c>
      <c r="D78" s="345">
        <v>4157553.4399999995</v>
      </c>
      <c r="E78" s="345">
        <v>8406556.8300000001</v>
      </c>
      <c r="F78" s="246">
        <v>1.4387414713916724</v>
      </c>
      <c r="G78" s="345">
        <v>7570443.1699999999</v>
      </c>
      <c r="H78" s="345">
        <v>4900472.6999999993</v>
      </c>
      <c r="I78" s="345">
        <v>8396045.5800000001</v>
      </c>
      <c r="J78" s="246">
        <v>1.736558672040563</v>
      </c>
      <c r="K78" s="477">
        <v>7580954.4199999999</v>
      </c>
      <c r="L78" s="478">
        <v>0</v>
      </c>
    </row>
    <row r="79" spans="1:12" ht="10.5" x14ac:dyDescent="0.2">
      <c r="A79" s="213"/>
      <c r="B79" s="345"/>
      <c r="C79" s="345"/>
      <c r="D79" s="345"/>
      <c r="E79" s="345"/>
      <c r="F79" s="28"/>
      <c r="G79" s="345"/>
      <c r="H79" s="345"/>
      <c r="I79" s="345"/>
      <c r="J79" s="28"/>
      <c r="K79" s="478"/>
      <c r="L79" s="478"/>
    </row>
    <row r="80" spans="1:12" s="76" customFormat="1" ht="10.5" x14ac:dyDescent="0.2">
      <c r="A80" s="161" t="s">
        <v>716</v>
      </c>
      <c r="B80" s="358">
        <v>1704600</v>
      </c>
      <c r="C80" s="358">
        <v>1700600</v>
      </c>
      <c r="D80" s="358">
        <v>413636.5</v>
      </c>
      <c r="E80" s="358">
        <v>665540.10000000009</v>
      </c>
      <c r="F80" s="206">
        <v>0.11390396354986169</v>
      </c>
      <c r="G80" s="358">
        <v>1035059.8999999999</v>
      </c>
      <c r="H80" s="358">
        <v>336081.18999999994</v>
      </c>
      <c r="I80" s="358">
        <v>563622.85</v>
      </c>
      <c r="J80" s="206">
        <v>0.11657442049376265</v>
      </c>
      <c r="K80" s="476">
        <v>1136977.1499999999</v>
      </c>
      <c r="L80" s="395">
        <v>0</v>
      </c>
    </row>
    <row r="81" spans="1:12" ht="10.5" x14ac:dyDescent="0.2">
      <c r="A81" s="213" t="s">
        <v>715</v>
      </c>
      <c r="B81" s="345">
        <v>924000</v>
      </c>
      <c r="C81" s="345">
        <v>924000</v>
      </c>
      <c r="D81" s="345">
        <v>250669.68999999997</v>
      </c>
      <c r="E81" s="345">
        <v>396278.07000000007</v>
      </c>
      <c r="F81" s="246">
        <v>6.7821071699345453E-2</v>
      </c>
      <c r="G81" s="345">
        <v>527721.92999999993</v>
      </c>
      <c r="H81" s="345">
        <v>185695.24999999997</v>
      </c>
      <c r="I81" s="345">
        <v>331303.58999999997</v>
      </c>
      <c r="J81" s="246">
        <v>6.8523701641537663E-2</v>
      </c>
      <c r="K81" s="477">
        <v>592696.41</v>
      </c>
      <c r="L81" s="478">
        <v>0</v>
      </c>
    </row>
    <row r="82" spans="1:12" ht="10.5" x14ac:dyDescent="0.2">
      <c r="A82" s="213" t="s">
        <v>717</v>
      </c>
      <c r="B82" s="345">
        <v>776600</v>
      </c>
      <c r="C82" s="345">
        <v>776600</v>
      </c>
      <c r="D82" s="345">
        <v>162966.81</v>
      </c>
      <c r="E82" s="345">
        <v>269262.02999999997</v>
      </c>
      <c r="F82" s="246">
        <v>4.6082891850516235E-2</v>
      </c>
      <c r="G82" s="345">
        <v>507337.97000000003</v>
      </c>
      <c r="H82" s="345">
        <v>150385.94</v>
      </c>
      <c r="I82" s="345">
        <v>232319.25999999998</v>
      </c>
      <c r="J82" s="246">
        <v>4.8050718852224984E-2</v>
      </c>
      <c r="K82" s="477">
        <v>544280.74</v>
      </c>
      <c r="L82" s="478">
        <v>0</v>
      </c>
    </row>
    <row r="83" spans="1:12" ht="10.5" x14ac:dyDescent="0.2">
      <c r="A83" s="213" t="s">
        <v>718</v>
      </c>
      <c r="B83" s="345">
        <v>4000</v>
      </c>
      <c r="C83" s="345"/>
      <c r="D83" s="345">
        <v>0</v>
      </c>
      <c r="E83" s="345">
        <v>0</v>
      </c>
      <c r="F83" s="246">
        <v>0</v>
      </c>
      <c r="G83" s="345">
        <v>0</v>
      </c>
      <c r="H83" s="345">
        <v>0</v>
      </c>
      <c r="I83" s="345">
        <v>0</v>
      </c>
      <c r="J83" s="246">
        <v>0</v>
      </c>
      <c r="K83" s="477">
        <v>0</v>
      </c>
      <c r="L83" s="478">
        <v>0</v>
      </c>
    </row>
    <row r="84" spans="1:12" ht="10.5" x14ac:dyDescent="0.2">
      <c r="A84" s="213"/>
      <c r="B84" s="345"/>
      <c r="C84" s="345"/>
      <c r="D84" s="345"/>
      <c r="E84" s="345"/>
      <c r="F84" s="28"/>
      <c r="G84" s="345"/>
      <c r="H84" s="345"/>
      <c r="I84" s="345"/>
      <c r="J84" s="28"/>
      <c r="K84" s="478"/>
      <c r="L84" s="478"/>
    </row>
    <row r="85" spans="1:12" s="76" customFormat="1" ht="10.5" x14ac:dyDescent="0.2">
      <c r="A85" s="161" t="s">
        <v>773</v>
      </c>
      <c r="B85" s="358">
        <v>579600</v>
      </c>
      <c r="C85" s="358">
        <v>579600</v>
      </c>
      <c r="D85" s="358">
        <v>74974.540000000008</v>
      </c>
      <c r="E85" s="358">
        <v>148440.53999999998</v>
      </c>
      <c r="F85" s="206">
        <v>2.5404879221374913E-2</v>
      </c>
      <c r="G85" s="358">
        <v>431159.46</v>
      </c>
      <c r="H85" s="358">
        <v>74455.37</v>
      </c>
      <c r="I85" s="358">
        <v>147173.34</v>
      </c>
      <c r="J85" s="206">
        <v>3.0439941926824823E-2</v>
      </c>
      <c r="K85" s="476">
        <v>432426.66000000003</v>
      </c>
      <c r="L85" s="395">
        <v>0</v>
      </c>
    </row>
    <row r="86" spans="1:12" ht="10.5" x14ac:dyDescent="0.2">
      <c r="A86" s="213" t="s">
        <v>715</v>
      </c>
      <c r="B86" s="345">
        <v>579600</v>
      </c>
      <c r="C86" s="345">
        <v>579600</v>
      </c>
      <c r="D86" s="345">
        <v>74974.540000000008</v>
      </c>
      <c r="E86" s="345">
        <v>148440.53999999998</v>
      </c>
      <c r="F86" s="246">
        <v>2.5404879221374913E-2</v>
      </c>
      <c r="G86" s="345">
        <v>431159.46</v>
      </c>
      <c r="H86" s="345">
        <v>74455.37</v>
      </c>
      <c r="I86" s="345">
        <v>147173.34</v>
      </c>
      <c r="J86" s="246">
        <v>3.0439941926824823E-2</v>
      </c>
      <c r="K86" s="477">
        <v>432426.66000000003</v>
      </c>
      <c r="L86" s="478">
        <v>0</v>
      </c>
    </row>
    <row r="87" spans="1:12" ht="10.5" x14ac:dyDescent="0.2">
      <c r="A87" s="213"/>
      <c r="B87" s="345"/>
      <c r="C87" s="345"/>
      <c r="D87" s="345"/>
      <c r="E87" s="345"/>
      <c r="F87" s="28"/>
      <c r="G87" s="345"/>
      <c r="H87" s="345"/>
      <c r="I87" s="345"/>
      <c r="J87" s="28"/>
      <c r="K87" s="478"/>
      <c r="L87" s="478"/>
    </row>
    <row r="88" spans="1:12" s="76" customFormat="1" ht="10.5" x14ac:dyDescent="0.2">
      <c r="A88" s="161" t="s">
        <v>722</v>
      </c>
      <c r="B88" s="358">
        <v>15101300</v>
      </c>
      <c r="C88" s="358">
        <v>15101300</v>
      </c>
      <c r="D88" s="358">
        <v>6800037.1599999983</v>
      </c>
      <c r="E88" s="358">
        <v>9810757.1999999993</v>
      </c>
      <c r="F88" s="206">
        <v>1.6790635613171061</v>
      </c>
      <c r="G88" s="358">
        <v>5290542.8000000007</v>
      </c>
      <c r="H88" s="358">
        <v>6800037.1599999983</v>
      </c>
      <c r="I88" s="358">
        <v>9810757.1400000006</v>
      </c>
      <c r="J88" s="206">
        <v>2.0291642331402007</v>
      </c>
      <c r="K88" s="476">
        <v>5290542.8599999994</v>
      </c>
      <c r="L88" s="395">
        <v>0</v>
      </c>
    </row>
    <row r="89" spans="1:12" ht="10.5" x14ac:dyDescent="0.2">
      <c r="A89" s="213" t="s">
        <v>653</v>
      </c>
      <c r="B89" s="345">
        <v>15101300</v>
      </c>
      <c r="C89" s="345">
        <v>15101300</v>
      </c>
      <c r="D89" s="345">
        <v>6800037.1599999983</v>
      </c>
      <c r="E89" s="345">
        <v>9810757.1999999993</v>
      </c>
      <c r="F89" s="246">
        <v>1.6790635613171061</v>
      </c>
      <c r="G89" s="345">
        <v>5290542.8000000007</v>
      </c>
      <c r="H89" s="345">
        <v>6800037.1599999983</v>
      </c>
      <c r="I89" s="345">
        <v>9810757.1400000006</v>
      </c>
      <c r="J89" s="246">
        <v>2.0291642331402007</v>
      </c>
      <c r="K89" s="477">
        <v>5290542.8599999994</v>
      </c>
      <c r="L89" s="478">
        <v>0</v>
      </c>
    </row>
    <row r="90" spans="1:12" s="211" customFormat="1" ht="10.5" x14ac:dyDescent="0.2">
      <c r="A90" s="213"/>
      <c r="B90" s="345"/>
      <c r="C90" s="345"/>
      <c r="D90" s="345"/>
      <c r="E90" s="345"/>
      <c r="F90" s="28"/>
      <c r="G90" s="345"/>
      <c r="H90" s="345"/>
      <c r="I90" s="345"/>
      <c r="J90" s="28"/>
      <c r="K90" s="478"/>
      <c r="L90" s="478"/>
    </row>
    <row r="91" spans="1:12" s="76" customFormat="1" ht="10.5" x14ac:dyDescent="0.2">
      <c r="A91" s="161" t="s">
        <v>727</v>
      </c>
      <c r="B91" s="358">
        <v>68000</v>
      </c>
      <c r="C91" s="358">
        <v>93000</v>
      </c>
      <c r="D91" s="358">
        <v>25119.01</v>
      </c>
      <c r="E91" s="358">
        <v>39715.199999999997</v>
      </c>
      <c r="F91" s="206">
        <v>6.7970640584623923E-3</v>
      </c>
      <c r="G91" s="358">
        <v>53284.800000000003</v>
      </c>
      <c r="H91" s="358">
        <v>24119.01</v>
      </c>
      <c r="I91" s="358">
        <v>38713.219999999994</v>
      </c>
      <c r="J91" s="206">
        <v>8.0070763400517594E-3</v>
      </c>
      <c r="K91" s="476">
        <v>54286.780000000006</v>
      </c>
      <c r="L91" s="395">
        <v>0</v>
      </c>
    </row>
    <row r="92" spans="1:12" ht="10.5" x14ac:dyDescent="0.2">
      <c r="A92" s="213" t="s">
        <v>728</v>
      </c>
      <c r="B92" s="345">
        <v>40000</v>
      </c>
      <c r="C92" s="345">
        <v>40000</v>
      </c>
      <c r="D92" s="345">
        <v>0</v>
      </c>
      <c r="E92" s="345">
        <v>0</v>
      </c>
      <c r="F92" s="246">
        <v>0</v>
      </c>
      <c r="G92" s="345">
        <v>40000</v>
      </c>
      <c r="H92" s="345">
        <v>0</v>
      </c>
      <c r="I92" s="345">
        <v>0</v>
      </c>
      <c r="J92" s="246">
        <v>0</v>
      </c>
      <c r="K92" s="477">
        <v>40000</v>
      </c>
      <c r="L92" s="478">
        <v>0</v>
      </c>
    </row>
    <row r="93" spans="1:12" ht="10.5" x14ac:dyDescent="0.2">
      <c r="A93" s="213" t="s">
        <v>729</v>
      </c>
      <c r="B93" s="345">
        <v>28000</v>
      </c>
      <c r="C93" s="345">
        <v>53000</v>
      </c>
      <c r="D93" s="345">
        <v>25119.01</v>
      </c>
      <c r="E93" s="345">
        <v>39715.199999999997</v>
      </c>
      <c r="F93" s="246">
        <v>6.7970640584623923E-3</v>
      </c>
      <c r="G93" s="345">
        <v>13284.800000000003</v>
      </c>
      <c r="H93" s="345">
        <v>24119.01</v>
      </c>
      <c r="I93" s="345">
        <v>38713.219999999994</v>
      </c>
      <c r="J93" s="246">
        <v>8.0070763400517594E-3</v>
      </c>
      <c r="K93" s="477">
        <v>14286.780000000006</v>
      </c>
      <c r="L93" s="478">
        <v>0</v>
      </c>
    </row>
    <row r="94" spans="1:12" ht="10.5" x14ac:dyDescent="0.2">
      <c r="A94" s="213"/>
      <c r="B94" s="345"/>
      <c r="C94" s="345"/>
      <c r="D94" s="345"/>
      <c r="E94" s="345"/>
      <c r="F94" s="28"/>
      <c r="G94" s="345"/>
      <c r="H94" s="345"/>
      <c r="I94" s="345"/>
      <c r="J94" s="28"/>
      <c r="K94" s="478"/>
      <c r="L94" s="478"/>
    </row>
    <row r="95" spans="1:12" s="76" customFormat="1" ht="10.5" x14ac:dyDescent="0.2">
      <c r="A95" s="161" t="s">
        <v>730</v>
      </c>
      <c r="B95" s="358">
        <v>98060000</v>
      </c>
      <c r="C95" s="358">
        <v>98060000</v>
      </c>
      <c r="D95" s="358">
        <v>2260000</v>
      </c>
      <c r="E95" s="358">
        <v>4632608</v>
      </c>
      <c r="F95" s="206">
        <v>0.7928484140516816</v>
      </c>
      <c r="G95" s="358">
        <v>93427392</v>
      </c>
      <c r="H95" s="358">
        <v>2151267.4299999997</v>
      </c>
      <c r="I95" s="358">
        <v>4470306.0599999996</v>
      </c>
      <c r="J95" s="206">
        <v>0.92459583278828272</v>
      </c>
      <c r="K95" s="476">
        <v>93589693.939999998</v>
      </c>
      <c r="L95" s="395">
        <v>0</v>
      </c>
    </row>
    <row r="96" spans="1:12" ht="10.5" x14ac:dyDescent="0.2">
      <c r="A96" s="213" t="s">
        <v>733</v>
      </c>
      <c r="B96" s="345">
        <v>98060000</v>
      </c>
      <c r="C96" s="345">
        <v>98060000</v>
      </c>
      <c r="D96" s="345">
        <v>2260000</v>
      </c>
      <c r="E96" s="345">
        <v>4632608</v>
      </c>
      <c r="F96" s="246">
        <v>0.7928484140516816</v>
      </c>
      <c r="G96" s="345">
        <v>93427392</v>
      </c>
      <c r="H96" s="345">
        <v>2151267.4299999997</v>
      </c>
      <c r="I96" s="345">
        <v>4470306.0599999996</v>
      </c>
      <c r="J96" s="246">
        <v>0.92459583278828272</v>
      </c>
      <c r="K96" s="477">
        <v>93589693.939999998</v>
      </c>
      <c r="L96" s="478">
        <v>0</v>
      </c>
    </row>
    <row r="97" spans="1:12" ht="15" customHeight="1" x14ac:dyDescent="0.2">
      <c r="A97" s="163" t="s">
        <v>740</v>
      </c>
      <c r="B97" s="377">
        <v>931270300</v>
      </c>
      <c r="C97" s="377">
        <v>1041198127.25</v>
      </c>
      <c r="D97" s="377">
        <v>281513802.75</v>
      </c>
      <c r="E97" s="377">
        <v>584299333.63000011</v>
      </c>
      <c r="F97" s="247">
        <v>100</v>
      </c>
      <c r="G97" s="377">
        <v>456898793.62</v>
      </c>
      <c r="H97" s="377">
        <v>260445361.89000002</v>
      </c>
      <c r="I97" s="377">
        <v>483487584.68000001</v>
      </c>
      <c r="J97" s="247">
        <v>100</v>
      </c>
      <c r="K97" s="479">
        <v>557710542.57000005</v>
      </c>
      <c r="L97" s="481">
        <v>0</v>
      </c>
    </row>
    <row r="98" spans="1:12" ht="10.5" x14ac:dyDescent="0.2">
      <c r="A98" s="53" t="s">
        <v>877</v>
      </c>
      <c r="L98" s="337"/>
    </row>
    <row r="99" spans="1:12" ht="10.5" x14ac:dyDescent="0.2">
      <c r="A99" s="226"/>
    </row>
    <row r="100" spans="1:12" ht="10.5" x14ac:dyDescent="0.2">
      <c r="A100" s="207"/>
      <c r="C100" s="638"/>
    </row>
    <row r="101" spans="1:12" s="305" customFormat="1" ht="10.5" x14ac:dyDescent="0.2">
      <c r="A101" s="580"/>
      <c r="B101" s="53"/>
      <c r="C101" s="53"/>
      <c r="D101" s="53"/>
      <c r="E101" s="53"/>
      <c r="F101" s="53"/>
      <c r="G101" s="53"/>
      <c r="H101" s="53"/>
      <c r="I101" s="53"/>
      <c r="J101" s="53"/>
      <c r="K101" s="53"/>
      <c r="L101" s="53"/>
    </row>
    <row r="102" spans="1:12" s="305" customFormat="1" ht="10.5" x14ac:dyDescent="0.2">
      <c r="A102" s="580"/>
      <c r="B102" s="53"/>
      <c r="C102" s="53"/>
      <c r="D102" s="53"/>
      <c r="E102" s="53"/>
      <c r="F102" s="53"/>
      <c r="G102" s="53"/>
      <c r="H102" s="53"/>
      <c r="I102" s="53"/>
      <c r="J102" s="53"/>
      <c r="K102" s="53"/>
      <c r="L102" s="53"/>
    </row>
    <row r="103" spans="1:12" s="305" customFormat="1" ht="10.5" x14ac:dyDescent="0.2">
      <c r="A103" s="580"/>
      <c r="B103" s="53"/>
      <c r="C103" s="53"/>
      <c r="D103" s="53"/>
      <c r="E103" s="53"/>
      <c r="F103" s="53"/>
      <c r="G103" s="53"/>
      <c r="H103" s="53"/>
      <c r="I103" s="53"/>
      <c r="J103" s="53"/>
      <c r="K103" s="53"/>
      <c r="L103" s="53"/>
    </row>
    <row r="104" spans="1:12" ht="10.5" x14ac:dyDescent="0.2">
      <c r="A104" s="207"/>
    </row>
    <row r="105" spans="1:12" ht="10.5" x14ac:dyDescent="0.2">
      <c r="A105" s="66"/>
      <c r="B105" s="66"/>
    </row>
    <row r="106" spans="1:12" ht="10.5" x14ac:dyDescent="0.2">
      <c r="A106" s="66"/>
      <c r="B106" s="66"/>
    </row>
    <row r="107" spans="1:12" ht="10.5" x14ac:dyDescent="0.2"/>
    <row r="108" spans="1:12" ht="10.5" x14ac:dyDescent="0.2"/>
    <row r="109" spans="1:12" ht="10.5" x14ac:dyDescent="0.2"/>
    <row r="110" spans="1:12" ht="10.5" x14ac:dyDescent="0.2"/>
    <row r="111" spans="1:12" ht="10.5" x14ac:dyDescent="0.2"/>
    <row r="112" spans="1:12" ht="10.5" x14ac:dyDescent="0.2"/>
    <row r="113" ht="10.5"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row r="167" ht="10.5" x14ac:dyDescent="0.2"/>
    <row r="168" ht="10.5" x14ac:dyDescent="0.2"/>
    <row r="169" ht="10.5" x14ac:dyDescent="0.2"/>
    <row r="170" ht="10.5" x14ac:dyDescent="0.2"/>
    <row r="171" ht="10.5" x14ac:dyDescent="0.2"/>
    <row r="172" ht="10.5" x14ac:dyDescent="0.2"/>
    <row r="173" ht="10.5" x14ac:dyDescent="0.2"/>
    <row r="174" ht="10.5" x14ac:dyDescent="0.2"/>
    <row r="175" ht="10.5" x14ac:dyDescent="0.2"/>
    <row r="176" ht="10.5" x14ac:dyDescent="0.2"/>
    <row r="177" ht="10.5" x14ac:dyDescent="0.2"/>
    <row r="178" ht="10.5" x14ac:dyDescent="0.2"/>
    <row r="179" ht="10.5" x14ac:dyDescent="0.2"/>
    <row r="180" ht="10.5" x14ac:dyDescent="0.2"/>
    <row r="181" ht="10.5" x14ac:dyDescent="0.2"/>
    <row r="182" ht="10.5" x14ac:dyDescent="0.2"/>
    <row r="183" ht="10.5" x14ac:dyDescent="0.2"/>
    <row r="184" ht="10.5" x14ac:dyDescent="0.2"/>
    <row r="185" ht="10.5" x14ac:dyDescent="0.2"/>
    <row r="186" ht="10.5" x14ac:dyDescent="0.2"/>
    <row r="187" ht="10.5" x14ac:dyDescent="0.2"/>
    <row r="188" ht="10.5" x14ac:dyDescent="0.2"/>
    <row r="189" ht="10.5" x14ac:dyDescent="0.2"/>
    <row r="190" ht="10.5" x14ac:dyDescent="0.2"/>
    <row r="191" ht="10.5" x14ac:dyDescent="0.2"/>
    <row r="192" ht="10.5" x14ac:dyDescent="0.2"/>
  </sheetData>
  <customSheetViews>
    <customSheetView guid="{6DBFA32C-4AA4-4E1D-9A48-697377C64CC3}" showPageBreaks="1" showGridLines="0" fitToPage="1" printArea="1">
      <selection activeCell="A110" sqref="A110"/>
      <pageMargins left="0.51181102362204722" right="0.51181102362204722" top="0.78740157480314965" bottom="0.78740157480314965" header="0.31496062992125984" footer="0.31496062992125984"/>
      <pageSetup paperSize="9" scale="41" orientation="portrait" r:id="rId1"/>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2"/>
    </customSheetView>
    <customSheetView guid="{82EDB5A4-4824-4632-A540-7A52C92F04C7}" showPageBreaks="1" showGridLines="0" fitToPage="1" topLeftCell="A7">
      <pane xSplit="1" ySplit="6" topLeftCell="B54" activePane="bottomRight" state="frozen"/>
      <selection pane="bottomRight" activeCell="I97" sqref="I97"/>
      <pageMargins left="0.19685039370078741" right="0.19685039370078741" top="0.59055118110236227" bottom="0.19685039370078741" header="0" footer="0"/>
      <printOptions horizontalCentered="1"/>
      <pageSetup paperSize="9" scale="46" fitToHeight="2" orientation="portrait" r:id="rId3"/>
    </customSheetView>
    <customSheetView guid="{3AAF6A5F-F9AA-430B-9AD9-1261ECDF41B5}" scale="90" showGridLines="0" fitToPage="1" topLeftCell="E1">
      <selection activeCell="N23" sqref="N23"/>
      <pageMargins left="0.19685039370078741" right="0.19685039370078741" top="0.19685039370078741" bottom="0.19685039370078741" header="0" footer="0"/>
      <printOptions horizontalCentered="1"/>
      <pageSetup paperSize="9" scale="45" orientation="portrait" r:id="rId4"/>
    </customSheetView>
    <customSheetView guid="{C779D862-DE28-46CD-A428-4AAA1056D1E1}" showGridLines="0" fitToPage="1">
      <selection activeCell="N23" sqref="N23"/>
      <pageMargins left="0.19685039370078741" right="0.19685039370078741" top="0.59055118110236227" bottom="0.19685039370078741" header="0" footer="0"/>
      <printOptions horizontalCentered="1"/>
      <pageSetup paperSize="9" scale="45" orientation="portrait" r:id="rId5"/>
    </customSheetView>
    <customSheetView guid="{25EF1E0D-169B-4051-B414-7E1196FC05E4}" showPageBreaks="1" showGridLines="0" fitToPage="1" printArea="1" topLeftCell="A16">
      <selection activeCell="A45" sqref="A45:XFD45"/>
      <pageMargins left="0.19685039370078741" right="0.19685039370078741" top="0.19685039370078741" bottom="0.19685039370078741" header="0" footer="0"/>
      <printOptions horizontalCentered="1"/>
      <pageSetup paperSize="9" scale="45" orientation="portrait" r:id="rId6"/>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5" orientation="portrait" r:id="rId7"/>
  <drawing r:id="rId8"/>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tabColor rgb="FF92D050"/>
    <pageSetUpPr fitToPage="1"/>
  </sheetPr>
  <dimension ref="A1:P70"/>
  <sheetViews>
    <sheetView showGridLines="0" zoomScaleNormal="100" workbookViewId="0"/>
  </sheetViews>
  <sheetFormatPr defaultColWidth="4.140625" defaultRowHeight="11.25" customHeight="1" x14ac:dyDescent="0.2"/>
  <cols>
    <col min="1" max="1" width="44" style="305" customWidth="1"/>
    <col min="2" max="3" width="18.7109375" style="354" customWidth="1"/>
    <col min="4" max="5" width="19" style="354" bestFit="1" customWidth="1"/>
    <col min="6" max="6" width="17.28515625" style="354" bestFit="1" customWidth="1"/>
    <col min="7" max="7" width="20.140625" style="362" bestFit="1" customWidth="1"/>
    <col min="8" max="8" width="21.5703125" style="354" customWidth="1"/>
    <col min="9" max="9" width="4.140625" style="243"/>
    <col min="10" max="12" width="4.140625" style="305"/>
    <col min="13" max="13" width="5.140625" style="305" customWidth="1"/>
    <col min="14" max="14" width="4.140625" style="305"/>
    <col min="15" max="15" width="19" style="305" bestFit="1" customWidth="1"/>
    <col min="16" max="16" width="10.28515625" style="305" customWidth="1"/>
    <col min="17" max="16384" width="4.140625" style="305"/>
  </cols>
  <sheetData>
    <row r="1" spans="1:9" s="30" customFormat="1" ht="11.25" customHeight="1" x14ac:dyDescent="0.2">
      <c r="A1" s="309"/>
      <c r="B1" s="354"/>
      <c r="C1" s="354"/>
      <c r="D1" s="354"/>
      <c r="E1" s="354"/>
      <c r="F1" s="354"/>
      <c r="G1" s="362"/>
      <c r="H1" s="354"/>
      <c r="I1" s="129"/>
    </row>
    <row r="2" spans="1:9" s="30" customFormat="1" ht="11.25" customHeight="1" x14ac:dyDescent="0.2">
      <c r="A2" s="309"/>
      <c r="B2" s="354"/>
      <c r="C2" s="354"/>
      <c r="D2" s="354"/>
      <c r="E2" s="354"/>
      <c r="F2" s="354"/>
      <c r="G2" s="362"/>
      <c r="H2" s="354"/>
      <c r="I2" s="129"/>
    </row>
    <row r="3" spans="1:9" s="53" customFormat="1" ht="11.25" customHeight="1" x14ac:dyDescent="0.2">
      <c r="A3" s="757" t="s">
        <v>643</v>
      </c>
      <c r="B3" s="757"/>
      <c r="C3" s="757"/>
      <c r="D3" s="757"/>
      <c r="E3" s="757"/>
      <c r="F3" s="757"/>
      <c r="G3" s="757"/>
      <c r="H3" s="757"/>
      <c r="I3" s="66"/>
    </row>
    <row r="4" spans="1:9" s="53" customFormat="1" ht="11.25" customHeight="1" x14ac:dyDescent="0.2">
      <c r="A4" s="757" t="s">
        <v>105</v>
      </c>
      <c r="B4" s="757"/>
      <c r="C4" s="757"/>
      <c r="D4" s="757"/>
      <c r="E4" s="757"/>
      <c r="F4" s="757"/>
      <c r="G4" s="757"/>
      <c r="H4" s="757"/>
      <c r="I4" s="66"/>
    </row>
    <row r="5" spans="1:9" s="53" customFormat="1" ht="11.25" customHeight="1" x14ac:dyDescent="0.2">
      <c r="A5" s="757" t="s">
        <v>171</v>
      </c>
      <c r="B5" s="757"/>
      <c r="C5" s="757"/>
      <c r="D5" s="757"/>
      <c r="E5" s="757"/>
      <c r="F5" s="757"/>
      <c r="G5" s="757"/>
      <c r="H5" s="757"/>
      <c r="I5" s="66"/>
    </row>
    <row r="6" spans="1:9" s="53" customFormat="1" ht="11.25" customHeight="1" x14ac:dyDescent="0.2">
      <c r="A6" s="757" t="s">
        <v>107</v>
      </c>
      <c r="B6" s="757"/>
      <c r="C6" s="757"/>
      <c r="D6" s="757"/>
      <c r="E6" s="757"/>
      <c r="F6" s="757"/>
      <c r="G6" s="757"/>
      <c r="H6" s="757"/>
      <c r="I6" s="66"/>
    </row>
    <row r="7" spans="1:9" s="53" customFormat="1" ht="11.25" customHeight="1" x14ac:dyDescent="0.2">
      <c r="A7" s="793" t="s">
        <v>870</v>
      </c>
      <c r="B7" s="793"/>
      <c r="C7" s="793"/>
      <c r="D7" s="793"/>
      <c r="E7" s="793"/>
      <c r="F7" s="793"/>
      <c r="G7" s="793"/>
      <c r="H7" s="793"/>
      <c r="I7" s="66"/>
    </row>
    <row r="8" spans="1:9" s="30" customFormat="1" ht="11.25" customHeight="1" x14ac:dyDescent="0.2">
      <c r="A8" s="54"/>
      <c r="B8" s="363"/>
      <c r="C8" s="363"/>
      <c r="D8" s="363"/>
      <c r="E8" s="363"/>
      <c r="F8" s="363"/>
      <c r="G8" s="363"/>
      <c r="H8" s="363"/>
      <c r="I8" s="129"/>
    </row>
    <row r="9" spans="1:9" s="30" customFormat="1" ht="11.25" customHeight="1" x14ac:dyDescent="0.2">
      <c r="A9" s="30" t="s">
        <v>365</v>
      </c>
      <c r="B9" s="354"/>
      <c r="C9" s="354"/>
      <c r="D9" s="354"/>
      <c r="E9" s="354"/>
      <c r="F9" s="354"/>
      <c r="G9" s="371"/>
      <c r="H9" s="371">
        <v>1</v>
      </c>
      <c r="I9" s="129"/>
    </row>
    <row r="10" spans="1:9" ht="11.25" customHeight="1" x14ac:dyDescent="0.2">
      <c r="A10" s="145"/>
      <c r="B10" s="827" t="s">
        <v>172</v>
      </c>
      <c r="C10" s="828"/>
      <c r="D10" s="828"/>
      <c r="E10" s="828"/>
      <c r="F10" s="828"/>
      <c r="G10" s="828"/>
      <c r="H10" s="828"/>
    </row>
    <row r="11" spans="1:9" ht="11.25" customHeight="1" x14ac:dyDescent="0.2">
      <c r="A11" s="308" t="s">
        <v>173</v>
      </c>
      <c r="B11" s="829"/>
      <c r="C11" s="830"/>
      <c r="D11" s="830"/>
      <c r="E11" s="830"/>
      <c r="F11" s="830"/>
      <c r="G11" s="830"/>
      <c r="H11" s="830"/>
    </row>
    <row r="12" spans="1:9" ht="15" customHeight="1" x14ac:dyDescent="0.2">
      <c r="A12" s="58"/>
      <c r="B12" s="372" t="s">
        <v>743</v>
      </c>
      <c r="C12" s="372" t="s">
        <v>744</v>
      </c>
      <c r="D12" s="372" t="s">
        <v>745</v>
      </c>
      <c r="E12" s="372" t="s">
        <v>746</v>
      </c>
      <c r="F12" s="583" t="s">
        <v>747</v>
      </c>
      <c r="G12" s="381" t="s">
        <v>748</v>
      </c>
      <c r="H12" s="626" t="s">
        <v>749</v>
      </c>
    </row>
    <row r="13" spans="1:9" s="76" customFormat="1" ht="10.5" x14ac:dyDescent="0.2">
      <c r="A13" s="146" t="s">
        <v>176</v>
      </c>
      <c r="B13" s="343">
        <v>940975491.25999999</v>
      </c>
      <c r="C13" s="343">
        <v>934924902.78999996</v>
      </c>
      <c r="D13" s="343">
        <v>890889364.90999985</v>
      </c>
      <c r="E13" s="343">
        <v>915443199.46999991</v>
      </c>
      <c r="F13" s="344">
        <v>994232935.98000026</v>
      </c>
      <c r="G13" s="344">
        <v>956570459.6500001</v>
      </c>
      <c r="H13" s="344">
        <v>976776025.08000004</v>
      </c>
      <c r="I13" s="176"/>
    </row>
    <row r="14" spans="1:9" ht="10.5" x14ac:dyDescent="0.2">
      <c r="A14" s="33" t="s">
        <v>177</v>
      </c>
      <c r="B14" s="345">
        <v>632227310.69999993</v>
      </c>
      <c r="C14" s="345">
        <v>629745510.41999996</v>
      </c>
      <c r="D14" s="345">
        <v>610174964.88</v>
      </c>
      <c r="E14" s="345">
        <v>634901843.94999993</v>
      </c>
      <c r="F14" s="346">
        <v>659430702.19000018</v>
      </c>
      <c r="G14" s="346">
        <v>647493051.22000003</v>
      </c>
      <c r="H14" s="346">
        <v>668965536.63</v>
      </c>
    </row>
    <row r="15" spans="1:9" ht="10.5" x14ac:dyDescent="0.2">
      <c r="A15" s="33" t="s">
        <v>419</v>
      </c>
      <c r="B15" s="582">
        <v>557385837.90999997</v>
      </c>
      <c r="C15" s="359">
        <v>556864826.16999996</v>
      </c>
      <c r="D15" s="582">
        <v>531976524.31999999</v>
      </c>
      <c r="E15" s="359">
        <v>566627986.98000002</v>
      </c>
      <c r="F15" s="374">
        <v>583110606.36000001</v>
      </c>
      <c r="G15" s="342">
        <v>563162368.09000003</v>
      </c>
      <c r="H15" s="260">
        <v>591782160.12</v>
      </c>
    </row>
    <row r="16" spans="1:9" ht="10.5" x14ac:dyDescent="0.2">
      <c r="A16" s="33" t="s">
        <v>420</v>
      </c>
      <c r="B16" s="582">
        <v>10196889.24</v>
      </c>
      <c r="C16" s="359">
        <v>8551963.7599999998</v>
      </c>
      <c r="D16" s="582">
        <v>8989663.1300000008</v>
      </c>
      <c r="E16" s="359">
        <v>7041915.29</v>
      </c>
      <c r="F16" s="582">
        <v>6654875.0700000003</v>
      </c>
      <c r="G16" s="342">
        <v>5748342.3700000001</v>
      </c>
      <c r="H16" s="260">
        <v>4093667.23</v>
      </c>
    </row>
    <row r="17" spans="1:9" ht="10.5" x14ac:dyDescent="0.2">
      <c r="A17" s="33" t="s">
        <v>421</v>
      </c>
      <c r="B17" s="582">
        <v>7440434.8600000003</v>
      </c>
      <c r="C17" s="359">
        <v>6528268.2300000004</v>
      </c>
      <c r="D17" s="582">
        <v>8990227.9199999999</v>
      </c>
      <c r="E17" s="359">
        <v>7891363.6799999997</v>
      </c>
      <c r="F17" s="582">
        <v>8677874.8300000001</v>
      </c>
      <c r="G17" s="342">
        <v>9104226.2400000002</v>
      </c>
      <c r="H17" s="260">
        <v>9590093.0399999991</v>
      </c>
    </row>
    <row r="18" spans="1:9" ht="10.5" x14ac:dyDescent="0.2">
      <c r="A18" s="33" t="s">
        <v>418</v>
      </c>
      <c r="B18" s="582">
        <v>37158069.289999999</v>
      </c>
      <c r="C18" s="359">
        <v>38964665.439999998</v>
      </c>
      <c r="D18" s="582">
        <v>39488695.130000003</v>
      </c>
      <c r="E18" s="359">
        <v>32081373.640000001</v>
      </c>
      <c r="F18" s="582">
        <v>38826055.219999999</v>
      </c>
      <c r="G18" s="342">
        <v>46314571.149999999</v>
      </c>
      <c r="H18" s="260">
        <v>40486661.350000001</v>
      </c>
    </row>
    <row r="19" spans="1:9" ht="10.5" x14ac:dyDescent="0.2">
      <c r="A19" s="33" t="s">
        <v>422</v>
      </c>
      <c r="B19" s="582">
        <v>20046079.399999999</v>
      </c>
      <c r="C19" s="359">
        <v>18835786.82</v>
      </c>
      <c r="D19" s="582">
        <v>20729854.379999999</v>
      </c>
      <c r="E19" s="359">
        <v>21259204.359999999</v>
      </c>
      <c r="F19" s="582">
        <v>22161290.710000001</v>
      </c>
      <c r="G19" s="342">
        <v>23163543.370000001</v>
      </c>
      <c r="H19" s="260">
        <v>23012954.890000001</v>
      </c>
    </row>
    <row r="20" spans="1:9" ht="10.5" x14ac:dyDescent="0.2">
      <c r="A20" s="33" t="s">
        <v>178</v>
      </c>
      <c r="B20" s="582">
        <v>30455464.760000002</v>
      </c>
      <c r="C20" s="359">
        <v>25891986.469999999</v>
      </c>
      <c r="D20" s="582">
        <v>27026013.52</v>
      </c>
      <c r="E20" s="359">
        <v>17815693.469999999</v>
      </c>
      <c r="F20" s="582">
        <v>25857545.280000001</v>
      </c>
      <c r="G20" s="342">
        <v>34439551.350000001</v>
      </c>
      <c r="H20" s="260">
        <v>28319763.510000002</v>
      </c>
    </row>
    <row r="21" spans="1:9" ht="10.5" x14ac:dyDescent="0.2">
      <c r="A21" s="33" t="s">
        <v>179</v>
      </c>
      <c r="B21" s="582">
        <v>7897401.8300000001</v>
      </c>
      <c r="C21" s="359">
        <v>8261120.3399999999</v>
      </c>
      <c r="D21" s="582">
        <v>17111027.379999999</v>
      </c>
      <c r="E21" s="359">
        <v>12938259.609999999</v>
      </c>
      <c r="F21" s="582">
        <v>22675316.57</v>
      </c>
      <c r="G21" s="342">
        <v>18178530.419999998</v>
      </c>
      <c r="H21" s="260">
        <v>763264.52</v>
      </c>
    </row>
    <row r="22" spans="1:9" ht="10.5" x14ac:dyDescent="0.2">
      <c r="A22" s="33" t="s">
        <v>180</v>
      </c>
      <c r="B22" s="582">
        <v>0</v>
      </c>
      <c r="C22" s="359">
        <v>0</v>
      </c>
      <c r="D22" s="582">
        <v>0</v>
      </c>
      <c r="E22" s="359">
        <v>0</v>
      </c>
      <c r="F22" s="582">
        <v>0</v>
      </c>
      <c r="G22" s="342">
        <v>0</v>
      </c>
      <c r="H22" s="260">
        <v>0</v>
      </c>
    </row>
    <row r="23" spans="1:9" ht="10.5" x14ac:dyDescent="0.2">
      <c r="A23" s="33" t="s">
        <v>181</v>
      </c>
      <c r="B23" s="582">
        <v>0</v>
      </c>
      <c r="C23" s="359">
        <v>0</v>
      </c>
      <c r="D23" s="582">
        <v>0</v>
      </c>
      <c r="E23" s="359">
        <v>0</v>
      </c>
      <c r="F23" s="374">
        <v>0</v>
      </c>
      <c r="G23" s="342">
        <v>0</v>
      </c>
      <c r="H23" s="260">
        <v>0</v>
      </c>
    </row>
    <row r="24" spans="1:9" ht="10.5" x14ac:dyDescent="0.2">
      <c r="A24" s="33" t="s">
        <v>186</v>
      </c>
      <c r="B24" s="582">
        <v>34182581.939999998</v>
      </c>
      <c r="C24" s="359">
        <v>54878343.310000002</v>
      </c>
      <c r="D24" s="582">
        <v>43769286.039999999</v>
      </c>
      <c r="E24" s="359">
        <v>41043220.850000001</v>
      </c>
      <c r="F24" s="582">
        <v>41039468.100000001</v>
      </c>
      <c r="G24" s="342">
        <v>42175749.440000005</v>
      </c>
      <c r="H24" s="260">
        <v>47200659.609999999</v>
      </c>
    </row>
    <row r="25" spans="1:9" ht="10.5" x14ac:dyDescent="0.2">
      <c r="A25" s="33" t="s">
        <v>182</v>
      </c>
      <c r="B25" s="345">
        <v>222374438.57999998</v>
      </c>
      <c r="C25" s="345">
        <v>204858340.53999999</v>
      </c>
      <c r="D25" s="345">
        <v>178861677.57999998</v>
      </c>
      <c r="E25" s="345">
        <v>197102882.17000002</v>
      </c>
      <c r="F25" s="346">
        <v>187858057.81</v>
      </c>
      <c r="G25" s="346">
        <v>204732443.35999998</v>
      </c>
      <c r="H25" s="346">
        <v>221099976.99000001</v>
      </c>
    </row>
    <row r="26" spans="1:9" ht="10.5" x14ac:dyDescent="0.2">
      <c r="A26" s="33" t="s">
        <v>423</v>
      </c>
      <c r="B26" s="582">
        <v>98033279.5</v>
      </c>
      <c r="C26" s="359">
        <v>73518631.780000001</v>
      </c>
      <c r="D26" s="582">
        <v>63143202.659999996</v>
      </c>
      <c r="E26" s="359">
        <v>76708248.260000005</v>
      </c>
      <c r="F26" s="582">
        <v>67241193.370000005</v>
      </c>
      <c r="G26" s="342">
        <v>63549852.159999996</v>
      </c>
      <c r="H26" s="260">
        <v>84116356.060000002</v>
      </c>
    </row>
    <row r="27" spans="1:9" ht="10.5" x14ac:dyDescent="0.2">
      <c r="A27" s="33" t="s">
        <v>424</v>
      </c>
      <c r="B27" s="582">
        <v>1504729.69</v>
      </c>
      <c r="C27" s="359">
        <v>1504729.69</v>
      </c>
      <c r="D27" s="582">
        <v>1504729.69</v>
      </c>
      <c r="E27" s="359">
        <v>1504729.69</v>
      </c>
      <c r="F27" s="582">
        <v>1504729.69</v>
      </c>
      <c r="G27" s="342">
        <v>1504729.69</v>
      </c>
      <c r="H27" s="260">
        <v>1504729.69</v>
      </c>
    </row>
    <row r="28" spans="1:9" ht="10.5" x14ac:dyDescent="0.2">
      <c r="A28" s="33" t="s">
        <v>425</v>
      </c>
      <c r="B28" s="582">
        <v>7348811.1200000001</v>
      </c>
      <c r="C28" s="359">
        <v>6999352.8399999999</v>
      </c>
      <c r="D28" s="582">
        <v>7190515.5599999996</v>
      </c>
      <c r="E28" s="359">
        <v>7411831.5300000003</v>
      </c>
      <c r="F28" s="582">
        <v>6974917.2999999998</v>
      </c>
      <c r="G28" s="342">
        <v>7469550.7800000003</v>
      </c>
      <c r="H28" s="260">
        <v>8577270.1899999995</v>
      </c>
    </row>
    <row r="29" spans="1:9" ht="10.5" x14ac:dyDescent="0.2">
      <c r="A29" s="33" t="s">
        <v>426</v>
      </c>
      <c r="B29" s="582">
        <v>69165425.209999993</v>
      </c>
      <c r="C29" s="359">
        <v>67280250.129999995</v>
      </c>
      <c r="D29" s="582">
        <v>60926158.619999997</v>
      </c>
      <c r="E29" s="359">
        <v>66155996.979999997</v>
      </c>
      <c r="F29" s="582">
        <v>59326326.530000001</v>
      </c>
      <c r="G29" s="342">
        <v>69965907.510000005</v>
      </c>
      <c r="H29" s="260">
        <v>80294032.040000007</v>
      </c>
    </row>
    <row r="30" spans="1:9" ht="10.5" x14ac:dyDescent="0.2">
      <c r="A30" s="33" t="s">
        <v>427</v>
      </c>
      <c r="B30" s="582">
        <v>46322193.060000002</v>
      </c>
      <c r="C30" s="359">
        <v>55555376.100000001</v>
      </c>
      <c r="D30" s="582">
        <v>46097071.049999997</v>
      </c>
      <c r="E30" s="359">
        <v>45322075.710000001</v>
      </c>
      <c r="F30" s="582">
        <v>52810890.920000017</v>
      </c>
      <c r="G30" s="342">
        <v>62242403.219999991</v>
      </c>
      <c r="H30" s="260">
        <v>46607589.009999998</v>
      </c>
    </row>
    <row r="31" spans="1:9" ht="10.5" x14ac:dyDescent="0.2">
      <c r="A31" s="33" t="s">
        <v>183</v>
      </c>
      <c r="B31" s="582">
        <v>13838293.449999999</v>
      </c>
      <c r="C31" s="359">
        <v>11289601.710000001</v>
      </c>
      <c r="D31" s="582">
        <v>13946395.51</v>
      </c>
      <c r="E31" s="359">
        <v>11641299.42</v>
      </c>
      <c r="F31" s="582">
        <v>57371846.030000001</v>
      </c>
      <c r="G31" s="342">
        <v>9551133.8599999994</v>
      </c>
      <c r="H31" s="260">
        <v>10426823.82</v>
      </c>
    </row>
    <row r="32" spans="1:9" s="76" customFormat="1" ht="10.5" x14ac:dyDescent="0.2">
      <c r="A32" s="146" t="s">
        <v>184</v>
      </c>
      <c r="B32" s="358">
        <v>291618473.94</v>
      </c>
      <c r="C32" s="358">
        <v>280264842.32999998</v>
      </c>
      <c r="D32" s="358">
        <v>270439807.93000001</v>
      </c>
      <c r="E32" s="358">
        <v>276364693.38999999</v>
      </c>
      <c r="F32" s="375">
        <v>282076821.69</v>
      </c>
      <c r="G32" s="375">
        <v>294790190.5</v>
      </c>
      <c r="H32" s="375">
        <v>298016432.49000001</v>
      </c>
      <c r="I32" s="176"/>
    </row>
    <row r="33" spans="1:16" ht="10.5" x14ac:dyDescent="0.2">
      <c r="A33" s="33" t="s">
        <v>185</v>
      </c>
      <c r="B33" s="582">
        <v>152875284.12</v>
      </c>
      <c r="C33" s="359">
        <v>151597490.49000001</v>
      </c>
      <c r="D33" s="582">
        <v>145947368.84999999</v>
      </c>
      <c r="E33" s="359">
        <v>153535632.78</v>
      </c>
      <c r="F33" s="582">
        <v>157305519.25</v>
      </c>
      <c r="G33" s="342">
        <v>152051490.19</v>
      </c>
      <c r="H33" s="260">
        <v>158736071.74000001</v>
      </c>
    </row>
    <row r="34" spans="1:16" ht="10.5" x14ac:dyDescent="0.2">
      <c r="A34" s="33" t="s">
        <v>366</v>
      </c>
      <c r="B34" s="582">
        <v>30391787.559999999</v>
      </c>
      <c r="C34" s="359">
        <v>25827575.07</v>
      </c>
      <c r="D34" s="582">
        <v>26958779.02</v>
      </c>
      <c r="E34" s="359">
        <v>17734209.370000001</v>
      </c>
      <c r="F34" s="582">
        <v>19117731.43</v>
      </c>
      <c r="G34" s="342">
        <v>41045653.57</v>
      </c>
      <c r="H34" s="260">
        <v>28230336.48</v>
      </c>
    </row>
    <row r="35" spans="1:16" ht="10.5" x14ac:dyDescent="0.2">
      <c r="A35" s="33" t="s">
        <v>428</v>
      </c>
      <c r="B35" s="582">
        <v>0</v>
      </c>
      <c r="C35" s="359">
        <v>0</v>
      </c>
      <c r="D35" s="582">
        <v>0</v>
      </c>
      <c r="E35" s="359">
        <v>0</v>
      </c>
      <c r="F35" s="582">
        <v>0</v>
      </c>
      <c r="G35" s="342">
        <v>0</v>
      </c>
      <c r="H35" s="260">
        <v>0</v>
      </c>
    </row>
    <row r="36" spans="1:16" ht="10.5" x14ac:dyDescent="0.2">
      <c r="A36" s="33" t="s">
        <v>223</v>
      </c>
      <c r="B36" s="582">
        <v>556549.80000000005</v>
      </c>
      <c r="C36" s="359">
        <v>533586.04</v>
      </c>
      <c r="D36" s="582">
        <v>330488.52</v>
      </c>
      <c r="E36" s="359">
        <v>408816.54</v>
      </c>
      <c r="F36" s="582">
        <v>368550.14</v>
      </c>
      <c r="G36" s="342">
        <v>0</v>
      </c>
      <c r="H36" s="260">
        <v>764824.62</v>
      </c>
    </row>
    <row r="37" spans="1:16" s="76" customFormat="1" ht="10.5" x14ac:dyDescent="0.2">
      <c r="A37" s="33" t="s">
        <v>226</v>
      </c>
      <c r="B37" s="582">
        <v>107794852.45999999</v>
      </c>
      <c r="C37" s="359">
        <v>102306190.73</v>
      </c>
      <c r="D37" s="582">
        <v>97203171.540000007</v>
      </c>
      <c r="E37" s="359">
        <v>104686034.7</v>
      </c>
      <c r="F37" s="582">
        <v>105285020.87</v>
      </c>
      <c r="G37" s="342">
        <v>101693046.73999999</v>
      </c>
      <c r="H37" s="260">
        <v>110285199.65000001</v>
      </c>
      <c r="I37" s="176"/>
    </row>
    <row r="38" spans="1:16" s="76" customFormat="1" ht="15" customHeight="1" x14ac:dyDescent="0.2">
      <c r="A38" s="31" t="s">
        <v>234</v>
      </c>
      <c r="B38" s="376">
        <v>649357017.31999993</v>
      </c>
      <c r="C38" s="376">
        <v>654660060.46000004</v>
      </c>
      <c r="D38" s="377">
        <v>620449556.97999978</v>
      </c>
      <c r="E38" s="378">
        <v>639078506.07999992</v>
      </c>
      <c r="F38" s="376">
        <v>712156114.2900002</v>
      </c>
      <c r="G38" s="376">
        <v>661780269.1500001</v>
      </c>
      <c r="H38" s="376">
        <v>678759592.59000003</v>
      </c>
      <c r="I38" s="176"/>
    </row>
    <row r="39" spans="1:16" ht="6" customHeight="1" x14ac:dyDescent="0.2">
      <c r="A39" s="831"/>
      <c r="B39" s="831"/>
      <c r="C39" s="831"/>
      <c r="D39" s="831"/>
      <c r="E39" s="831"/>
      <c r="F39" s="831"/>
      <c r="G39" s="831"/>
      <c r="H39" s="831"/>
    </row>
    <row r="40" spans="1:16" s="30" customFormat="1" ht="6" customHeight="1" x14ac:dyDescent="0.2">
      <c r="B40" s="354"/>
      <c r="C40" s="354"/>
      <c r="D40" s="354"/>
      <c r="E40" s="354"/>
      <c r="F40" s="354"/>
      <c r="G40" s="354"/>
      <c r="H40" s="354"/>
      <c r="I40" s="129"/>
    </row>
    <row r="41" spans="1:16" ht="11.25" customHeight="1" x14ac:dyDescent="0.2">
      <c r="A41" s="145"/>
      <c r="B41" s="827" t="s">
        <v>172</v>
      </c>
      <c r="C41" s="828"/>
      <c r="D41" s="828"/>
      <c r="E41" s="828"/>
      <c r="F41" s="828"/>
      <c r="G41" s="379" t="s">
        <v>170</v>
      </c>
      <c r="H41" s="379" t="s">
        <v>108</v>
      </c>
    </row>
    <row r="42" spans="1:16" ht="11.25" customHeight="1" x14ac:dyDescent="0.2">
      <c r="A42" s="308" t="s">
        <v>173</v>
      </c>
      <c r="B42" s="829"/>
      <c r="C42" s="830"/>
      <c r="D42" s="830"/>
      <c r="E42" s="830"/>
      <c r="F42" s="830"/>
      <c r="G42" s="380" t="s">
        <v>174</v>
      </c>
      <c r="H42" s="380" t="s">
        <v>112</v>
      </c>
    </row>
    <row r="43" spans="1:16" ht="15" customHeight="1" x14ac:dyDescent="0.2">
      <c r="A43" s="58"/>
      <c r="B43" s="381" t="s">
        <v>750</v>
      </c>
      <c r="C43" s="381" t="s">
        <v>751</v>
      </c>
      <c r="D43" s="381" t="s">
        <v>752</v>
      </c>
      <c r="E43" s="598" t="s">
        <v>875</v>
      </c>
      <c r="F43" s="598" t="s">
        <v>876</v>
      </c>
      <c r="G43" s="373" t="s">
        <v>175</v>
      </c>
      <c r="H43" s="391">
        <v>2015</v>
      </c>
    </row>
    <row r="44" spans="1:16" s="76" customFormat="1" ht="10.5" x14ac:dyDescent="0.2">
      <c r="A44" s="146" t="s">
        <v>176</v>
      </c>
      <c r="B44" s="344">
        <v>1201079487.22</v>
      </c>
      <c r="C44" s="344">
        <v>1101788593.7499998</v>
      </c>
      <c r="D44" s="344">
        <v>904433255.06999981</v>
      </c>
      <c r="E44" s="344">
        <v>916049742.93000019</v>
      </c>
      <c r="F44" s="344">
        <v>982170421.42999995</v>
      </c>
      <c r="G44" s="344">
        <v>11715333879.540001</v>
      </c>
      <c r="H44" s="349">
        <v>12469124900</v>
      </c>
      <c r="I44" s="176"/>
      <c r="O44" s="229"/>
      <c r="P44" s="229"/>
    </row>
    <row r="45" spans="1:16" ht="10.5" x14ac:dyDescent="0.2">
      <c r="A45" s="33" t="s">
        <v>177</v>
      </c>
      <c r="B45" s="582">
        <v>821390933.29000008</v>
      </c>
      <c r="C45" s="346">
        <v>799499913.00999999</v>
      </c>
      <c r="D45" s="346">
        <v>614898556.80999994</v>
      </c>
      <c r="E45" s="346">
        <v>649153840.6700002</v>
      </c>
      <c r="F45" s="346">
        <v>701632621.8599999</v>
      </c>
      <c r="G45" s="346">
        <v>8069514785.6300011</v>
      </c>
      <c r="H45" s="355">
        <v>8120560200</v>
      </c>
      <c r="O45" s="228"/>
      <c r="P45" s="229"/>
    </row>
    <row r="46" spans="1:16" ht="10.5" x14ac:dyDescent="0.2">
      <c r="A46" s="33" t="s">
        <v>419</v>
      </c>
      <c r="B46" s="260">
        <v>644552828.45000005</v>
      </c>
      <c r="C46" s="346">
        <v>587682625.99000001</v>
      </c>
      <c r="D46" s="346">
        <v>523211412.75999999</v>
      </c>
      <c r="E46" s="346">
        <v>547978168.58000004</v>
      </c>
      <c r="F46" s="346">
        <v>605326293.30999994</v>
      </c>
      <c r="G46" s="346">
        <v>6859661639.0400009</v>
      </c>
      <c r="H46" s="336">
        <v>6742500000</v>
      </c>
      <c r="O46" s="228"/>
      <c r="P46" s="229"/>
    </row>
    <row r="47" spans="1:16" ht="10.5" x14ac:dyDescent="0.2">
      <c r="A47" s="33" t="s">
        <v>420</v>
      </c>
      <c r="B47" s="260">
        <v>24116335.530000001</v>
      </c>
      <c r="C47" s="346">
        <v>174535106.62</v>
      </c>
      <c r="D47" s="346">
        <v>26373911.09</v>
      </c>
      <c r="E47" s="346">
        <v>26469276.98</v>
      </c>
      <c r="F47" s="346">
        <v>23760696.239999998</v>
      </c>
      <c r="G47" s="346">
        <v>326532642.55000001</v>
      </c>
      <c r="H47" s="336">
        <v>329900000</v>
      </c>
      <c r="O47" s="228"/>
      <c r="P47" s="229"/>
    </row>
    <row r="48" spans="1:16" ht="10.5" x14ac:dyDescent="0.2">
      <c r="A48" s="33" t="s">
        <v>421</v>
      </c>
      <c r="B48" s="260">
        <v>9291101.3300000001</v>
      </c>
      <c r="C48" s="346">
        <v>6900379.1200000001</v>
      </c>
      <c r="D48" s="346">
        <v>4324192.87</v>
      </c>
      <c r="E48" s="346">
        <v>8103631.8300000001</v>
      </c>
      <c r="F48" s="346">
        <v>5513013.1600000001</v>
      </c>
      <c r="G48" s="346">
        <v>92354807.109999999</v>
      </c>
      <c r="H48" s="336">
        <v>105800000</v>
      </c>
      <c r="O48" s="228"/>
      <c r="P48" s="229"/>
    </row>
    <row r="49" spans="1:16" ht="10.5" x14ac:dyDescent="0.2">
      <c r="A49" s="33" t="s">
        <v>418</v>
      </c>
      <c r="B49" s="260">
        <v>115181364.06999999</v>
      </c>
      <c r="C49" s="346">
        <v>16444108.98</v>
      </c>
      <c r="D49" s="346">
        <v>42865748.549999997</v>
      </c>
      <c r="E49" s="346">
        <v>45927108.090000004</v>
      </c>
      <c r="F49" s="346">
        <v>49596859.020000003</v>
      </c>
      <c r="G49" s="346">
        <v>543335279.93000007</v>
      </c>
      <c r="H49" s="336">
        <v>510400000</v>
      </c>
      <c r="O49" s="228"/>
      <c r="P49" s="229"/>
    </row>
    <row r="50" spans="1:16" ht="10.5" x14ac:dyDescent="0.2">
      <c r="A50" s="33" t="s">
        <v>422</v>
      </c>
      <c r="B50" s="260">
        <v>28249303.91</v>
      </c>
      <c r="C50" s="346">
        <v>13937692.300000001</v>
      </c>
      <c r="D50" s="346">
        <v>18123291.539999999</v>
      </c>
      <c r="E50" s="346">
        <v>20675655.190000001</v>
      </c>
      <c r="F50" s="346">
        <v>17435760.129999999</v>
      </c>
      <c r="G50" s="346">
        <v>247630417</v>
      </c>
      <c r="H50" s="336">
        <v>431960200</v>
      </c>
      <c r="O50" s="228"/>
      <c r="P50" s="229"/>
    </row>
    <row r="51" spans="1:16" ht="10.5" x14ac:dyDescent="0.2">
      <c r="A51" s="33" t="s">
        <v>178</v>
      </c>
      <c r="B51" s="260">
        <v>55144049.049999997</v>
      </c>
      <c r="C51" s="346">
        <v>12848164.560000001</v>
      </c>
      <c r="D51" s="346">
        <v>16900171.550000001</v>
      </c>
      <c r="E51" s="346">
        <v>18821320.469999999</v>
      </c>
      <c r="F51" s="346">
        <v>11716530.630000001</v>
      </c>
      <c r="G51" s="346">
        <v>305236254.62</v>
      </c>
      <c r="H51" s="336">
        <v>388750900</v>
      </c>
      <c r="O51" s="228"/>
      <c r="P51" s="229"/>
    </row>
    <row r="52" spans="1:16" ht="10.5" x14ac:dyDescent="0.2">
      <c r="A52" s="33" t="s">
        <v>179</v>
      </c>
      <c r="B52" s="260">
        <v>963986.26</v>
      </c>
      <c r="C52" s="346">
        <v>6723383.3899999997</v>
      </c>
      <c r="D52" s="346">
        <v>6675794.4199999999</v>
      </c>
      <c r="E52" s="346">
        <v>7930773.6200000001</v>
      </c>
      <c r="F52" s="346">
        <v>8572440.2400000002</v>
      </c>
      <c r="G52" s="346">
        <v>118691298.59999999</v>
      </c>
      <c r="H52" s="336">
        <v>135829800</v>
      </c>
      <c r="O52" s="228"/>
      <c r="P52" s="229"/>
    </row>
    <row r="53" spans="1:16" ht="10.5" x14ac:dyDescent="0.2">
      <c r="A53" s="33" t="s">
        <v>180</v>
      </c>
      <c r="B53" s="260">
        <v>0</v>
      </c>
      <c r="C53" s="346">
        <v>0</v>
      </c>
      <c r="D53" s="346"/>
      <c r="E53" s="346">
        <v>0</v>
      </c>
      <c r="F53" s="346">
        <v>0</v>
      </c>
      <c r="G53" s="346">
        <v>0</v>
      </c>
      <c r="H53" s="355">
        <v>0</v>
      </c>
      <c r="O53" s="228"/>
      <c r="P53" s="229"/>
    </row>
    <row r="54" spans="1:16" ht="10.5" x14ac:dyDescent="0.2">
      <c r="A54" s="33" t="s">
        <v>181</v>
      </c>
      <c r="B54" s="260">
        <v>0</v>
      </c>
      <c r="C54" s="346">
        <v>0</v>
      </c>
      <c r="D54" s="346"/>
      <c r="E54" s="346">
        <v>0</v>
      </c>
      <c r="F54" s="346">
        <v>0</v>
      </c>
      <c r="G54" s="346">
        <v>0</v>
      </c>
      <c r="H54" s="355">
        <v>0</v>
      </c>
      <c r="O54" s="228"/>
      <c r="P54" s="229"/>
    </row>
    <row r="55" spans="1:16" ht="10.5" x14ac:dyDescent="0.2">
      <c r="A55" s="33" t="s">
        <v>186</v>
      </c>
      <c r="B55" s="260">
        <v>44921170.450000003</v>
      </c>
      <c r="C55" s="346">
        <v>30602025.84</v>
      </c>
      <c r="D55" s="346">
        <v>28882653.66</v>
      </c>
      <c r="E55" s="346">
        <v>38086618.530000001</v>
      </c>
      <c r="F55" s="346">
        <v>44409574.219999999</v>
      </c>
      <c r="G55" s="346">
        <v>491191351.99000001</v>
      </c>
      <c r="H55" s="336">
        <v>447593100</v>
      </c>
      <c r="O55" s="228"/>
      <c r="P55" s="229"/>
    </row>
    <row r="56" spans="1:16" ht="10.5" x14ac:dyDescent="0.2">
      <c r="A56" s="33" t="s">
        <v>182</v>
      </c>
      <c r="B56" s="346">
        <v>228080175.49000001</v>
      </c>
      <c r="C56" s="346">
        <v>242400879.34999999</v>
      </c>
      <c r="D56" s="346">
        <v>230447506.27999997</v>
      </c>
      <c r="E56" s="346">
        <v>193144194.88999999</v>
      </c>
      <c r="F56" s="346">
        <v>207519516.25</v>
      </c>
      <c r="G56" s="346">
        <v>2518480089.29</v>
      </c>
      <c r="H56" s="355">
        <v>3212642800</v>
      </c>
      <c r="O56" s="228"/>
      <c r="P56" s="229"/>
    </row>
    <row r="57" spans="1:16" ht="10.5" x14ac:dyDescent="0.2">
      <c r="A57" s="33" t="s">
        <v>423</v>
      </c>
      <c r="B57" s="260">
        <v>92395654.930000007</v>
      </c>
      <c r="C57" s="346">
        <v>103504091.45</v>
      </c>
      <c r="D57" s="346">
        <v>105657624.64</v>
      </c>
      <c r="E57" s="346">
        <v>76956060.219999999</v>
      </c>
      <c r="F57" s="346">
        <v>83055981.260000005</v>
      </c>
      <c r="G57" s="346">
        <v>987880176.29000008</v>
      </c>
      <c r="H57" s="336">
        <v>1070500000</v>
      </c>
      <c r="O57" s="228"/>
      <c r="P57" s="229"/>
    </row>
    <row r="58" spans="1:16" ht="10.5" x14ac:dyDescent="0.2">
      <c r="A58" s="33" t="s">
        <v>424</v>
      </c>
      <c r="B58" s="260">
        <v>3009459.38</v>
      </c>
      <c r="C58" s="346">
        <v>0</v>
      </c>
      <c r="D58" s="346">
        <v>0</v>
      </c>
      <c r="E58" s="346">
        <v>0</v>
      </c>
      <c r="F58" s="346">
        <v>6018918.75</v>
      </c>
      <c r="G58" s="346">
        <v>19561485.959999997</v>
      </c>
      <c r="H58" s="336">
        <v>18100000</v>
      </c>
      <c r="O58" s="228"/>
      <c r="P58" s="229"/>
    </row>
    <row r="59" spans="1:16" ht="10.5" x14ac:dyDescent="0.2">
      <c r="A59" s="33" t="s">
        <v>425</v>
      </c>
      <c r="B59" s="260">
        <v>8463270.4700000007</v>
      </c>
      <c r="C59" s="346">
        <v>11263748.6</v>
      </c>
      <c r="D59" s="346">
        <v>6701026.1299999999</v>
      </c>
      <c r="E59" s="346">
        <v>6573010.79</v>
      </c>
      <c r="F59" s="346">
        <v>6884435.8300000001</v>
      </c>
      <c r="G59" s="346">
        <v>91857741.140000001</v>
      </c>
      <c r="H59" s="336">
        <v>70200000</v>
      </c>
      <c r="O59" s="228"/>
      <c r="P59" s="229"/>
    </row>
    <row r="60" spans="1:16" ht="10.5" x14ac:dyDescent="0.2">
      <c r="A60" s="33" t="s">
        <v>426</v>
      </c>
      <c r="B60" s="260">
        <v>76603694.640000001</v>
      </c>
      <c r="C60" s="346">
        <v>80061435.019999996</v>
      </c>
      <c r="D60" s="346">
        <v>76782173.819999993</v>
      </c>
      <c r="E60" s="346">
        <v>67529021.870000005</v>
      </c>
      <c r="F60" s="346">
        <v>70914227.629999995</v>
      </c>
      <c r="G60" s="346">
        <v>845004650</v>
      </c>
      <c r="H60" s="336">
        <v>927764000</v>
      </c>
      <c r="O60" s="228"/>
      <c r="P60" s="229"/>
    </row>
    <row r="61" spans="1:16" ht="10.5" x14ac:dyDescent="0.2">
      <c r="A61" s="33" t="s">
        <v>427</v>
      </c>
      <c r="B61" s="260">
        <v>47608096.07</v>
      </c>
      <c r="C61" s="346">
        <v>47571604.280000001</v>
      </c>
      <c r="D61" s="346">
        <v>41306681.689999998</v>
      </c>
      <c r="E61" s="346">
        <v>42086102.009999998</v>
      </c>
      <c r="F61" s="346">
        <v>40645952.780000001</v>
      </c>
      <c r="G61" s="346">
        <v>574176035.89999998</v>
      </c>
      <c r="H61" s="336">
        <v>1126078800</v>
      </c>
      <c r="O61" s="228"/>
      <c r="P61" s="229"/>
    </row>
    <row r="62" spans="1:16" ht="10.5" x14ac:dyDescent="0.2">
      <c r="A62" s="33" t="s">
        <v>183</v>
      </c>
      <c r="B62" s="260">
        <v>50579172.68</v>
      </c>
      <c r="C62" s="346">
        <v>9714227.5999999996</v>
      </c>
      <c r="D62" s="346">
        <v>6628572.3499999996</v>
      </c>
      <c r="E62" s="346">
        <v>8912994.75</v>
      </c>
      <c r="F62" s="346">
        <v>8319738.2300000004</v>
      </c>
      <c r="G62" s="346">
        <v>212220099.41</v>
      </c>
      <c r="H62" s="336">
        <v>163748100</v>
      </c>
      <c r="O62" s="228"/>
      <c r="P62" s="229"/>
    </row>
    <row r="63" spans="1:16" s="76" customFormat="1" ht="10.5" x14ac:dyDescent="0.2">
      <c r="A63" s="148" t="s">
        <v>184</v>
      </c>
      <c r="B63" s="375">
        <v>351698577.89999998</v>
      </c>
      <c r="C63" s="375">
        <v>385492604.48000002</v>
      </c>
      <c r="D63" s="375">
        <v>273343390.47000003</v>
      </c>
      <c r="E63" s="375">
        <v>277802307.66999996</v>
      </c>
      <c r="F63" s="375">
        <v>306977032.69</v>
      </c>
      <c r="G63" s="375">
        <v>3588885175.4799995</v>
      </c>
      <c r="H63" s="351">
        <v>3679400000</v>
      </c>
      <c r="I63" s="176"/>
      <c r="O63" s="229"/>
      <c r="P63" s="229"/>
    </row>
    <row r="64" spans="1:16" ht="10.5" x14ac:dyDescent="0.2">
      <c r="A64" s="33" t="s">
        <v>185</v>
      </c>
      <c r="B64" s="260">
        <v>173920119.34999999</v>
      </c>
      <c r="C64" s="346">
        <v>243030683.58000001</v>
      </c>
      <c r="D64" s="346">
        <v>151666129.28</v>
      </c>
      <c r="E64" s="346">
        <v>155451890.84999999</v>
      </c>
      <c r="F64" s="346">
        <v>182208239.41999999</v>
      </c>
      <c r="G64" s="346">
        <v>1978325919.8999999</v>
      </c>
      <c r="H64" s="336">
        <v>1981032100</v>
      </c>
      <c r="O64" s="228"/>
      <c r="P64" s="229"/>
    </row>
    <row r="65" spans="1:16" ht="10.5" x14ac:dyDescent="0.2">
      <c r="A65" s="33" t="s">
        <v>366</v>
      </c>
      <c r="B65" s="260">
        <v>55032725.600000001</v>
      </c>
      <c r="C65" s="346">
        <v>12593547.49</v>
      </c>
      <c r="D65" s="346">
        <v>16616770.939999999</v>
      </c>
      <c r="E65" s="346">
        <v>18749534.5</v>
      </c>
      <c r="F65" s="346">
        <v>10628592.619999999</v>
      </c>
      <c r="G65" s="346">
        <v>302927243.64999998</v>
      </c>
      <c r="H65" s="336">
        <v>361921900</v>
      </c>
      <c r="O65" s="228"/>
      <c r="P65" s="229"/>
    </row>
    <row r="66" spans="1:16" ht="10.5" x14ac:dyDescent="0.2">
      <c r="A66" s="33" t="s">
        <v>428</v>
      </c>
      <c r="B66" s="260">
        <v>0</v>
      </c>
      <c r="C66" s="346">
        <v>0</v>
      </c>
      <c r="D66" s="346">
        <v>0</v>
      </c>
      <c r="E66" s="346">
        <v>0</v>
      </c>
      <c r="F66" s="346">
        <v>0</v>
      </c>
      <c r="G66" s="346">
        <v>0</v>
      </c>
      <c r="H66" s="336">
        <v>26829000</v>
      </c>
      <c r="O66" s="228"/>
      <c r="P66" s="229"/>
    </row>
    <row r="67" spans="1:16" ht="10.5" x14ac:dyDescent="0.2">
      <c r="A67" s="33" t="s">
        <v>223</v>
      </c>
      <c r="B67" s="260">
        <v>742587.35</v>
      </c>
      <c r="C67" s="346">
        <v>0</v>
      </c>
      <c r="D67" s="346">
        <v>459968.06</v>
      </c>
      <c r="E67" s="346">
        <v>0</v>
      </c>
      <c r="F67" s="346">
        <v>427929.84</v>
      </c>
      <c r="G67" s="346">
        <v>4593300.91</v>
      </c>
      <c r="H67" s="336">
        <v>7820000</v>
      </c>
      <c r="O67" s="228"/>
      <c r="P67" s="229"/>
    </row>
    <row r="68" spans="1:16" s="76" customFormat="1" ht="10.5" x14ac:dyDescent="0.2">
      <c r="A68" s="33" t="s">
        <v>226</v>
      </c>
      <c r="B68" s="260">
        <v>122003145.59999999</v>
      </c>
      <c r="C68" s="346">
        <v>129868373.41</v>
      </c>
      <c r="D68" s="346">
        <v>104600522.19</v>
      </c>
      <c r="E68" s="346">
        <v>103600882.31999999</v>
      </c>
      <c r="F68" s="346">
        <v>113712270.81</v>
      </c>
      <c r="G68" s="346">
        <v>1303038711.0199997</v>
      </c>
      <c r="H68" s="336">
        <v>1301797000</v>
      </c>
      <c r="I68" s="243"/>
      <c r="J68" s="305"/>
      <c r="K68" s="305"/>
      <c r="L68" s="305"/>
      <c r="O68" s="229"/>
      <c r="P68" s="229"/>
    </row>
    <row r="69" spans="1:16" s="76" customFormat="1" ht="15" customHeight="1" x14ac:dyDescent="0.2">
      <c r="A69" s="31" t="s">
        <v>234</v>
      </c>
      <c r="B69" s="376">
        <v>849380909.32000005</v>
      </c>
      <c r="C69" s="376">
        <v>716295989.26999974</v>
      </c>
      <c r="D69" s="377">
        <v>631089864.59999979</v>
      </c>
      <c r="E69" s="376">
        <v>638247435.26000023</v>
      </c>
      <c r="F69" s="377">
        <v>675193388.74000001</v>
      </c>
      <c r="G69" s="377">
        <v>8126448704.0600014</v>
      </c>
      <c r="H69" s="376">
        <v>8789724900</v>
      </c>
      <c r="I69" s="176"/>
      <c r="O69" s="229"/>
      <c r="P69" s="229"/>
    </row>
    <row r="70" spans="1:16" ht="10.5" x14ac:dyDescent="0.2">
      <c r="A70" s="84" t="s">
        <v>877</v>
      </c>
      <c r="B70" s="382"/>
      <c r="C70" s="382"/>
      <c r="D70" s="382"/>
      <c r="E70" s="382"/>
      <c r="F70" s="382"/>
      <c r="G70" s="382"/>
      <c r="H70" s="383"/>
    </row>
  </sheetData>
  <customSheetViews>
    <customSheetView guid="{6DBFA32C-4AA4-4E1D-9A48-697377C64CC3}" showPageBreaks="1" showGridLines="0" fitToPage="1" printArea="1">
      <selection activeCell="A70" sqref="A70"/>
      <pageMargins left="0.39370078740157483" right="0.39370078740157483" top="0.59055118110236227" bottom="0.59055118110236227" header="0" footer="0"/>
      <printOptions horizontalCentered="1"/>
      <pageSetup paperSize="9" scale="54" orientation="portrait" r:id="rId1"/>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2"/>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3"/>
      <headerFooter alignWithMargins="0"/>
    </customSheetView>
    <customSheetView guid="{82EDB5A4-4824-4632-A540-7A52C92F04C7}" showPageBreaks="1" showGridLines="0" fitToPage="1" printArea="1" topLeftCell="A34">
      <selection activeCell="C46" sqref="C46"/>
      <pageMargins left="0.19685039370078741" right="0.19685039370078741" top="0.59055118110236227" bottom="0.19685039370078741" header="0" footer="0"/>
      <printOptions horizontalCentered="1"/>
      <pageSetup paperSize="9" scale="57" orientation="portrait" r:id="rId4"/>
      <headerFooter alignWithMargins="0"/>
    </customSheetView>
    <customSheetView guid="{3AAF6A5F-F9AA-430B-9AD9-1261ECDF41B5}" showPageBreaks="1" showGridLines="0" fitToPage="1" printArea="1">
      <selection activeCell="F24" sqref="F24"/>
      <pageMargins left="0.39370078740157483" right="0.39370078740157483" top="0.98425196850393704" bottom="0.98425196850393704" header="0" footer="0.19685039370078741"/>
      <printOptions horizontalCentered="1"/>
      <pageSetup paperSize="9" scale="79" orientation="landscape" r:id="rId5"/>
      <headerFooter alignWithMargins="0"/>
    </customSheetView>
    <customSheetView guid="{C779D862-DE28-46CD-A428-4AAA1056D1E1}" showGridLines="0" fitToPage="1">
      <selection activeCell="F24" sqref="F24"/>
      <pageMargins left="0.19685039370078741" right="0.19685039370078741" top="0.59055118110236227" bottom="0.19685039370078741" header="0" footer="0"/>
      <printOptions horizontalCentered="1"/>
      <pageSetup paperSize="9" scale="56" orientation="portrait" r:id="rId6"/>
      <headerFooter alignWithMargins="0"/>
    </customSheetView>
    <customSheetView guid="{25EF1E0D-169B-4051-B414-7E1196FC05E4}" showPageBreaks="1" showGridLines="0" fitToPage="1" printArea="1" topLeftCell="A41">
      <selection activeCell="F44" sqref="F44"/>
      <pageMargins left="0.19685039370078741" right="0.39370078740157483" top="0.19685039370078741" bottom="0.19685039370078741" header="0" footer="0"/>
      <printOptions horizontalCentered="1"/>
      <pageSetup paperSize="9" scale="55" orientation="portrait" r:id="rId7"/>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39370078740157483" top="0.59055118110236227" bottom="0.19685039370078741" header="0" footer="0"/>
  <pageSetup paperSize="9" scale="55" orientation="portrait" r:id="rId8"/>
  <headerFooter alignWithMargins="0"/>
  <drawing r:id="rId9"/>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K143"/>
  <sheetViews>
    <sheetView showGridLines="0" zoomScaleNormal="100" workbookViewId="0">
      <selection activeCell="B14" sqref="B14:C14"/>
    </sheetView>
  </sheetViews>
  <sheetFormatPr defaultColWidth="7.85546875" defaultRowHeight="11.25" customHeight="1" x14ac:dyDescent="0.2"/>
  <cols>
    <col min="1" max="1" width="71.28515625" style="202" customWidth="1"/>
    <col min="2" max="3" width="21.7109375" style="202" bestFit="1" customWidth="1"/>
    <col min="4" max="4" width="17.5703125" style="202" bestFit="1" customWidth="1"/>
    <col min="5" max="5" width="17.42578125" style="202" bestFit="1" customWidth="1"/>
    <col min="6" max="6" width="18.28515625" style="201" bestFit="1" customWidth="1"/>
    <col min="7" max="7" width="18.28515625" style="202" bestFit="1" customWidth="1"/>
    <col min="8" max="8" width="17.42578125" style="202" bestFit="1" customWidth="1"/>
    <col min="9" max="9" width="17.42578125" style="201" bestFit="1" customWidth="1"/>
    <col min="10" max="10" width="7.85546875" style="243"/>
    <col min="11" max="16384" width="7.85546875" style="202"/>
  </cols>
  <sheetData>
    <row r="1" spans="1:11" s="30" customFormat="1" ht="10.5" x14ac:dyDescent="0.2">
      <c r="A1" s="334"/>
      <c r="B1" s="334"/>
      <c r="C1" s="334"/>
      <c r="D1" s="334"/>
      <c r="E1" s="334"/>
      <c r="F1" s="334"/>
      <c r="G1" s="334"/>
      <c r="H1" s="334"/>
      <c r="I1" s="334"/>
      <c r="J1" s="129"/>
    </row>
    <row r="2" spans="1:11" s="30" customFormat="1" ht="11.25" customHeight="1" x14ac:dyDescent="0.2">
      <c r="A2" s="203"/>
      <c r="F2" s="129"/>
      <c r="I2" s="129"/>
      <c r="J2" s="129"/>
    </row>
    <row r="3" spans="1:11" s="53" customFormat="1" ht="11.25" customHeight="1" x14ac:dyDescent="0.2">
      <c r="A3" s="757" t="s">
        <v>643</v>
      </c>
      <c r="B3" s="757"/>
      <c r="C3" s="757"/>
      <c r="D3" s="757"/>
      <c r="E3" s="757"/>
      <c r="F3" s="757"/>
      <c r="G3" s="757"/>
      <c r="H3" s="757"/>
      <c r="I3" s="757"/>
      <c r="J3" s="72"/>
    </row>
    <row r="4" spans="1:11" s="53" customFormat="1" ht="11.25" customHeight="1" x14ac:dyDescent="0.2">
      <c r="A4" s="757" t="s">
        <v>105</v>
      </c>
      <c r="B4" s="757"/>
      <c r="C4" s="757"/>
      <c r="D4" s="757"/>
      <c r="E4" s="757"/>
      <c r="F4" s="757"/>
      <c r="G4" s="757"/>
      <c r="H4" s="757"/>
      <c r="I4" s="757"/>
      <c r="J4" s="72"/>
    </row>
    <row r="5" spans="1:11" s="53" customFormat="1" ht="11.25" customHeight="1" x14ac:dyDescent="0.2">
      <c r="A5" s="757" t="s">
        <v>127</v>
      </c>
      <c r="B5" s="757"/>
      <c r="C5" s="757"/>
      <c r="D5" s="757"/>
      <c r="E5" s="757"/>
      <c r="F5" s="757"/>
      <c r="G5" s="757"/>
      <c r="H5" s="757"/>
      <c r="I5" s="757"/>
      <c r="J5" s="66"/>
    </row>
    <row r="6" spans="1:11" s="53" customFormat="1" ht="11.25" customHeight="1" x14ac:dyDescent="0.2">
      <c r="A6" s="793" t="s">
        <v>756</v>
      </c>
      <c r="B6" s="793"/>
      <c r="C6" s="793"/>
      <c r="D6" s="793"/>
      <c r="E6" s="793"/>
      <c r="F6" s="793"/>
      <c r="G6" s="793"/>
      <c r="H6" s="793"/>
      <c r="I6" s="793"/>
      <c r="J6" s="66"/>
    </row>
    <row r="7" spans="1:11" s="53" customFormat="1" ht="11.25" customHeight="1" x14ac:dyDescent="0.2">
      <c r="A7" s="757" t="s">
        <v>869</v>
      </c>
      <c r="B7" s="757"/>
      <c r="C7" s="757"/>
      <c r="D7" s="757"/>
      <c r="E7" s="757"/>
      <c r="F7" s="757"/>
      <c r="G7" s="757"/>
      <c r="H7" s="757"/>
      <c r="I7" s="757"/>
      <c r="J7" s="66"/>
    </row>
    <row r="8" spans="1:11" s="30" customFormat="1" ht="11.25" customHeight="1" x14ac:dyDescent="0.2">
      <c r="F8" s="129"/>
      <c r="I8" s="129"/>
      <c r="J8" s="129"/>
    </row>
    <row r="9" spans="1:11" s="30" customFormat="1" ht="11.25" customHeight="1" x14ac:dyDescent="0.2">
      <c r="A9" s="30" t="s">
        <v>367</v>
      </c>
      <c r="F9" s="880"/>
      <c r="G9" s="880"/>
      <c r="I9" s="255">
        <v>1</v>
      </c>
      <c r="J9" s="129"/>
    </row>
    <row r="10" spans="1:11" s="76" customFormat="1" ht="15" customHeight="1" x14ac:dyDescent="0.15">
      <c r="A10" s="822" t="s">
        <v>110</v>
      </c>
      <c r="B10" s="875" t="s">
        <v>108</v>
      </c>
      <c r="C10" s="876"/>
      <c r="D10" s="875" t="s">
        <v>108</v>
      </c>
      <c r="E10" s="876"/>
      <c r="F10" s="871" t="s">
        <v>109</v>
      </c>
      <c r="G10" s="865"/>
      <c r="H10" s="865"/>
      <c r="I10" s="865"/>
      <c r="J10" s="176"/>
    </row>
    <row r="11" spans="1:11" s="76" customFormat="1" ht="15" customHeight="1" x14ac:dyDescent="0.2">
      <c r="A11" s="825"/>
      <c r="B11" s="845" t="s">
        <v>111</v>
      </c>
      <c r="C11" s="846"/>
      <c r="D11" s="849" t="s">
        <v>112</v>
      </c>
      <c r="E11" s="825"/>
      <c r="F11" s="820" t="s">
        <v>115</v>
      </c>
      <c r="G11" s="822"/>
      <c r="H11" s="820" t="s">
        <v>115</v>
      </c>
      <c r="I11" s="821"/>
      <c r="J11" s="176"/>
    </row>
    <row r="12" spans="1:11" s="76" customFormat="1" ht="15" customHeight="1" x14ac:dyDescent="0.2">
      <c r="A12" s="826"/>
      <c r="B12" s="847"/>
      <c r="C12" s="848"/>
      <c r="D12" s="850"/>
      <c r="E12" s="826"/>
      <c r="F12" s="845">
        <v>2015</v>
      </c>
      <c r="G12" s="846"/>
      <c r="H12" s="849">
        <v>2014</v>
      </c>
      <c r="I12" s="851"/>
      <c r="J12" s="176"/>
    </row>
    <row r="13" spans="1:11" ht="10.5" x14ac:dyDescent="0.2">
      <c r="A13" s="176" t="s">
        <v>282</v>
      </c>
      <c r="B13" s="738">
        <v>381570900</v>
      </c>
      <c r="C13" s="881"/>
      <c r="D13" s="738">
        <v>433726444.17000002</v>
      </c>
      <c r="E13" s="881"/>
      <c r="F13" s="738">
        <v>57328075.710000001</v>
      </c>
      <c r="G13" s="881"/>
      <c r="H13" s="738">
        <v>96666978.75</v>
      </c>
      <c r="I13" s="739"/>
      <c r="J13" s="605"/>
      <c r="K13" s="228"/>
    </row>
    <row r="14" spans="1:11" ht="10.5" x14ac:dyDescent="0.2">
      <c r="A14" s="176" t="s">
        <v>8</v>
      </c>
      <c r="B14" s="744">
        <v>381570900</v>
      </c>
      <c r="C14" s="784">
        <v>0</v>
      </c>
      <c r="D14" s="744">
        <v>433726444.17000002</v>
      </c>
      <c r="E14" s="784">
        <v>0</v>
      </c>
      <c r="F14" s="744">
        <v>57328075.710000001</v>
      </c>
      <c r="G14" s="784">
        <v>0</v>
      </c>
      <c r="H14" s="744">
        <v>96666978.75</v>
      </c>
      <c r="I14" s="745">
        <v>0</v>
      </c>
      <c r="J14" s="605"/>
      <c r="K14" s="228"/>
    </row>
    <row r="15" spans="1:11" ht="10.5" x14ac:dyDescent="0.2">
      <c r="A15" s="202" t="s">
        <v>128</v>
      </c>
      <c r="B15" s="728">
        <v>373750900</v>
      </c>
      <c r="C15" s="783">
        <v>0</v>
      </c>
      <c r="D15" s="728">
        <v>423866849.64999998</v>
      </c>
      <c r="E15" s="783">
        <v>0</v>
      </c>
      <c r="F15" s="728">
        <v>54400583.289999999</v>
      </c>
      <c r="G15" s="783">
        <v>0</v>
      </c>
      <c r="H15" s="728">
        <v>93510775.929999992</v>
      </c>
      <c r="I15" s="729">
        <v>0</v>
      </c>
      <c r="J15" s="605"/>
      <c r="K15" s="228"/>
    </row>
    <row r="16" spans="1:11" ht="10.5" x14ac:dyDescent="0.2">
      <c r="A16" s="202" t="s">
        <v>283</v>
      </c>
      <c r="B16" s="728">
        <v>126921900</v>
      </c>
      <c r="C16" s="783">
        <v>0</v>
      </c>
      <c r="D16" s="728">
        <v>177037849.65000001</v>
      </c>
      <c r="E16" s="783">
        <v>0</v>
      </c>
      <c r="F16" s="728">
        <v>50115949.649999999</v>
      </c>
      <c r="G16" s="783">
        <v>0</v>
      </c>
      <c r="H16" s="728">
        <v>77869299.349999994</v>
      </c>
      <c r="I16" s="729">
        <v>0</v>
      </c>
      <c r="J16" s="605"/>
      <c r="K16" s="228"/>
    </row>
    <row r="17" spans="1:11" ht="10.5" x14ac:dyDescent="0.2">
      <c r="A17" s="202" t="s">
        <v>129</v>
      </c>
      <c r="B17" s="728">
        <v>0</v>
      </c>
      <c r="C17" s="783"/>
      <c r="D17" s="728">
        <v>50115949.649999999</v>
      </c>
      <c r="E17" s="783"/>
      <c r="F17" s="728">
        <v>50115949.649999999</v>
      </c>
      <c r="G17" s="783"/>
      <c r="H17" s="728">
        <v>60795483.18</v>
      </c>
      <c r="I17" s="729"/>
      <c r="J17" s="605"/>
      <c r="K17" s="228"/>
    </row>
    <row r="18" spans="1:11" ht="10.5" x14ac:dyDescent="0.2">
      <c r="A18" s="202" t="s">
        <v>130</v>
      </c>
      <c r="B18" s="728">
        <v>86921900</v>
      </c>
      <c r="C18" s="783"/>
      <c r="D18" s="728">
        <v>86921900</v>
      </c>
      <c r="E18" s="783"/>
      <c r="F18" s="744">
        <v>0</v>
      </c>
      <c r="G18" s="784"/>
      <c r="H18" s="728">
        <v>13654693.710000001</v>
      </c>
      <c r="I18" s="729"/>
      <c r="J18" s="605"/>
      <c r="K18" s="228"/>
    </row>
    <row r="19" spans="1:11" ht="10.5" x14ac:dyDescent="0.2">
      <c r="A19" s="202" t="s">
        <v>131</v>
      </c>
      <c r="B19" s="728">
        <v>40000000</v>
      </c>
      <c r="C19" s="783"/>
      <c r="D19" s="728">
        <v>40000000</v>
      </c>
      <c r="E19" s="783"/>
      <c r="F19" s="744">
        <v>0</v>
      </c>
      <c r="G19" s="784"/>
      <c r="H19" s="728">
        <v>3419122.46</v>
      </c>
      <c r="I19" s="729"/>
      <c r="J19" s="605"/>
      <c r="K19" s="228"/>
    </row>
    <row r="20" spans="1:11" ht="10.5" x14ac:dyDescent="0.2">
      <c r="A20" s="202" t="s">
        <v>284</v>
      </c>
      <c r="B20" s="728">
        <v>246829000</v>
      </c>
      <c r="C20" s="783">
        <v>0</v>
      </c>
      <c r="D20" s="728">
        <v>246829000</v>
      </c>
      <c r="E20" s="783">
        <v>0</v>
      </c>
      <c r="F20" s="728">
        <v>4284633.6399999997</v>
      </c>
      <c r="G20" s="783">
        <v>0</v>
      </c>
      <c r="H20" s="728">
        <v>15641476.579999998</v>
      </c>
      <c r="I20" s="729">
        <v>0</v>
      </c>
      <c r="J20" s="605"/>
      <c r="K20" s="228"/>
    </row>
    <row r="21" spans="1:11" ht="10.5" x14ac:dyDescent="0.2">
      <c r="A21" s="202" t="s">
        <v>132</v>
      </c>
      <c r="B21" s="728">
        <v>170000000</v>
      </c>
      <c r="C21" s="783"/>
      <c r="D21" s="728">
        <v>170000000</v>
      </c>
      <c r="E21" s="783"/>
      <c r="F21" s="728">
        <v>4284633.6399999997</v>
      </c>
      <c r="G21" s="783"/>
      <c r="H21" s="728">
        <v>13042579.699999999</v>
      </c>
      <c r="I21" s="729"/>
      <c r="J21" s="605"/>
      <c r="K21" s="228"/>
    </row>
    <row r="22" spans="1:11" ht="10.5" x14ac:dyDescent="0.2">
      <c r="A22" s="202" t="s">
        <v>133</v>
      </c>
      <c r="B22" s="728">
        <v>50000000</v>
      </c>
      <c r="C22" s="783"/>
      <c r="D22" s="728">
        <v>50000000</v>
      </c>
      <c r="E22" s="783"/>
      <c r="F22" s="744">
        <v>0</v>
      </c>
      <c r="G22" s="784"/>
      <c r="H22" s="728">
        <v>2510892.02</v>
      </c>
      <c r="I22" s="729"/>
      <c r="J22" s="605"/>
      <c r="K22" s="228"/>
    </row>
    <row r="23" spans="1:11" ht="10.5" x14ac:dyDescent="0.2">
      <c r="A23" s="202" t="s">
        <v>757</v>
      </c>
      <c r="B23" s="728">
        <v>26829000</v>
      </c>
      <c r="C23" s="783"/>
      <c r="D23" s="728">
        <v>26829000</v>
      </c>
      <c r="E23" s="783"/>
      <c r="F23" s="744">
        <v>0</v>
      </c>
      <c r="G23" s="784"/>
      <c r="H23" s="728">
        <v>88004.86</v>
      </c>
      <c r="I23" s="729"/>
      <c r="J23" s="605"/>
      <c r="K23" s="228"/>
    </row>
    <row r="24" spans="1:11" ht="10.5" x14ac:dyDescent="0.2">
      <c r="A24" s="202" t="s">
        <v>155</v>
      </c>
      <c r="B24" s="728">
        <v>0</v>
      </c>
      <c r="C24" s="783"/>
      <c r="D24" s="728">
        <v>1446217.68</v>
      </c>
      <c r="E24" s="783"/>
      <c r="F24" s="728">
        <v>1446217.68</v>
      </c>
      <c r="G24" s="783"/>
      <c r="H24" s="728">
        <v>260117.62</v>
      </c>
      <c r="I24" s="729"/>
      <c r="J24" s="605"/>
      <c r="K24" s="228"/>
    </row>
    <row r="25" spans="1:11" ht="10.5" x14ac:dyDescent="0.2">
      <c r="A25" s="202" t="s">
        <v>312</v>
      </c>
      <c r="B25" s="728">
        <v>0</v>
      </c>
      <c r="C25" s="783">
        <v>0</v>
      </c>
      <c r="D25" s="728">
        <v>112018.61</v>
      </c>
      <c r="E25" s="783">
        <v>0</v>
      </c>
      <c r="F25" s="728">
        <v>112018.61</v>
      </c>
      <c r="G25" s="783">
        <v>0</v>
      </c>
      <c r="H25" s="728">
        <v>34122.44</v>
      </c>
      <c r="I25" s="729">
        <v>0</v>
      </c>
      <c r="J25" s="605"/>
      <c r="K25" s="228"/>
    </row>
    <row r="26" spans="1:11" ht="10.5" x14ac:dyDescent="0.2">
      <c r="A26" s="202" t="s">
        <v>16</v>
      </c>
      <c r="B26" s="728">
        <v>0</v>
      </c>
      <c r="C26" s="783"/>
      <c r="D26" s="728">
        <v>4015.47</v>
      </c>
      <c r="E26" s="783"/>
      <c r="F26" s="728">
        <v>4015.47</v>
      </c>
      <c r="G26" s="783"/>
      <c r="H26" s="728">
        <v>2640</v>
      </c>
      <c r="I26" s="729"/>
      <c r="J26" s="605"/>
      <c r="K26" s="228"/>
    </row>
    <row r="27" spans="1:11" ht="10.5" x14ac:dyDescent="0.2">
      <c r="A27" s="202" t="s">
        <v>17</v>
      </c>
      <c r="B27" s="728">
        <v>0</v>
      </c>
      <c r="C27" s="783"/>
      <c r="D27" s="728">
        <v>108003.14</v>
      </c>
      <c r="E27" s="783"/>
      <c r="F27" s="728">
        <v>108003.14</v>
      </c>
      <c r="G27" s="783"/>
      <c r="H27" s="728">
        <v>31482.44</v>
      </c>
      <c r="I27" s="729"/>
      <c r="J27" s="605"/>
      <c r="K27" s="228"/>
    </row>
    <row r="28" spans="1:11" ht="10.5" x14ac:dyDescent="0.2">
      <c r="A28" s="202" t="s">
        <v>19</v>
      </c>
      <c r="B28" s="728">
        <v>0</v>
      </c>
      <c r="C28" s="783"/>
      <c r="D28" s="728">
        <v>0</v>
      </c>
      <c r="E28" s="783"/>
      <c r="F28" s="744">
        <v>0</v>
      </c>
      <c r="G28" s="784"/>
      <c r="H28" s="728">
        <v>0</v>
      </c>
      <c r="I28" s="729"/>
      <c r="J28" s="605"/>
      <c r="K28" s="228"/>
    </row>
    <row r="29" spans="1:11" ht="10.5" x14ac:dyDescent="0.2">
      <c r="A29" s="202" t="s">
        <v>227</v>
      </c>
      <c r="B29" s="728">
        <v>0</v>
      </c>
      <c r="C29" s="783"/>
      <c r="D29" s="728">
        <v>0</v>
      </c>
      <c r="E29" s="783"/>
      <c r="F29" s="744">
        <v>0</v>
      </c>
      <c r="G29" s="784"/>
      <c r="H29" s="728">
        <v>0</v>
      </c>
      <c r="I29" s="729"/>
      <c r="J29" s="605"/>
      <c r="K29" s="228"/>
    </row>
    <row r="30" spans="1:11" ht="10.5" x14ac:dyDescent="0.2">
      <c r="A30" s="64" t="s">
        <v>285</v>
      </c>
      <c r="B30" s="728">
        <v>7820000</v>
      </c>
      <c r="C30" s="783">
        <v>0</v>
      </c>
      <c r="D30" s="728">
        <v>8301358.2300000004</v>
      </c>
      <c r="E30" s="783">
        <v>0</v>
      </c>
      <c r="F30" s="728">
        <v>1369256.13</v>
      </c>
      <c r="G30" s="783">
        <v>0</v>
      </c>
      <c r="H30" s="728">
        <v>2861962.7600000002</v>
      </c>
      <c r="I30" s="729">
        <v>0</v>
      </c>
      <c r="J30" s="605"/>
      <c r="K30" s="228"/>
    </row>
    <row r="31" spans="1:11" ht="10.5" x14ac:dyDescent="0.2">
      <c r="A31" s="140" t="s">
        <v>547</v>
      </c>
      <c r="B31" s="728">
        <v>7820000</v>
      </c>
      <c r="C31" s="783"/>
      <c r="D31" s="728">
        <v>7820000</v>
      </c>
      <c r="E31" s="783"/>
      <c r="F31" s="728">
        <v>887897.9</v>
      </c>
      <c r="G31" s="783"/>
      <c r="H31" s="728">
        <v>2580427.66</v>
      </c>
      <c r="I31" s="729"/>
      <c r="J31" s="605"/>
      <c r="K31" s="228"/>
    </row>
    <row r="32" spans="1:11" ht="10.5" x14ac:dyDescent="0.2">
      <c r="A32" s="140" t="s">
        <v>548</v>
      </c>
      <c r="B32" s="728">
        <v>0</v>
      </c>
      <c r="C32" s="783"/>
      <c r="D32" s="728">
        <v>481358.23</v>
      </c>
      <c r="E32" s="783"/>
      <c r="F32" s="728">
        <v>481358.23</v>
      </c>
      <c r="G32" s="783"/>
      <c r="H32" s="728">
        <v>281535.09999999998</v>
      </c>
      <c r="I32" s="729"/>
      <c r="J32" s="605"/>
      <c r="K32" s="228"/>
    </row>
    <row r="33" spans="1:11" ht="10.5" x14ac:dyDescent="0.2">
      <c r="A33" s="177" t="s">
        <v>40</v>
      </c>
      <c r="B33" s="728">
        <v>0</v>
      </c>
      <c r="C33" s="783">
        <v>0</v>
      </c>
      <c r="D33" s="728">
        <v>0</v>
      </c>
      <c r="E33" s="783"/>
      <c r="F33" s="744">
        <v>0</v>
      </c>
      <c r="G33" s="784">
        <v>0</v>
      </c>
      <c r="H33" s="728">
        <v>0</v>
      </c>
      <c r="I33" s="729">
        <v>0</v>
      </c>
      <c r="J33" s="605"/>
      <c r="K33" s="228"/>
    </row>
    <row r="34" spans="1:11" ht="10.5" x14ac:dyDescent="0.2">
      <c r="A34" s="140" t="s">
        <v>120</v>
      </c>
      <c r="B34" s="728">
        <v>0</v>
      </c>
      <c r="C34" s="783"/>
      <c r="D34" s="728">
        <v>0</v>
      </c>
      <c r="E34" s="783"/>
      <c r="F34" s="744">
        <v>0</v>
      </c>
      <c r="G34" s="784"/>
      <c r="H34" s="728">
        <v>0</v>
      </c>
      <c r="I34" s="729"/>
      <c r="J34" s="605"/>
      <c r="K34" s="228"/>
    </row>
    <row r="35" spans="1:11" ht="10.5" x14ac:dyDescent="0.2">
      <c r="A35" s="202" t="s">
        <v>228</v>
      </c>
      <c r="B35" s="728">
        <v>0</v>
      </c>
      <c r="C35" s="783"/>
      <c r="D35" s="728">
        <v>0</v>
      </c>
      <c r="E35" s="783"/>
      <c r="F35" s="744">
        <v>0</v>
      </c>
      <c r="G35" s="784"/>
      <c r="H35" s="728">
        <v>0</v>
      </c>
      <c r="I35" s="729"/>
      <c r="J35" s="605"/>
      <c r="K35" s="228"/>
    </row>
    <row r="36" spans="1:11" ht="10.5" x14ac:dyDescent="0.2">
      <c r="A36" s="140" t="s">
        <v>286</v>
      </c>
      <c r="B36" s="728">
        <v>0</v>
      </c>
      <c r="C36" s="783"/>
      <c r="D36" s="728">
        <v>0</v>
      </c>
      <c r="E36" s="783"/>
      <c r="F36" s="744">
        <v>0</v>
      </c>
      <c r="G36" s="784"/>
      <c r="H36" s="728">
        <v>0</v>
      </c>
      <c r="I36" s="729"/>
      <c r="J36" s="605"/>
      <c r="K36" s="228"/>
    </row>
    <row r="37" spans="1:11" s="76" customFormat="1" ht="10.5" x14ac:dyDescent="0.2">
      <c r="B37" s="728"/>
      <c r="C37" s="783"/>
      <c r="D37" s="728"/>
      <c r="E37" s="783"/>
      <c r="F37" s="744"/>
      <c r="G37" s="784"/>
      <c r="H37" s="728"/>
      <c r="I37" s="729"/>
      <c r="J37" s="227"/>
      <c r="K37" s="501"/>
    </row>
    <row r="38" spans="1:11" ht="15" customHeight="1" x14ac:dyDescent="0.2">
      <c r="A38" s="178" t="s">
        <v>549</v>
      </c>
      <c r="B38" s="789">
        <v>914247000</v>
      </c>
      <c r="C38" s="879"/>
      <c r="D38" s="789">
        <v>914247000</v>
      </c>
      <c r="E38" s="879"/>
      <c r="F38" s="789">
        <v>114072415.95</v>
      </c>
      <c r="G38" s="879"/>
      <c r="H38" s="789">
        <v>156843488.56999999</v>
      </c>
      <c r="I38" s="790"/>
      <c r="J38" s="605"/>
      <c r="K38" s="228"/>
    </row>
    <row r="39" spans="1:11" ht="15" customHeight="1" x14ac:dyDescent="0.2">
      <c r="A39" s="141" t="s">
        <v>776</v>
      </c>
      <c r="B39" s="755">
        <v>1295817900</v>
      </c>
      <c r="C39" s="855">
        <v>0</v>
      </c>
      <c r="D39" s="755">
        <v>1347973444.1700001</v>
      </c>
      <c r="E39" s="855">
        <v>0</v>
      </c>
      <c r="F39" s="827">
        <v>171400491.66</v>
      </c>
      <c r="G39" s="828">
        <v>0</v>
      </c>
      <c r="H39" s="755">
        <v>253510467.31999999</v>
      </c>
      <c r="I39" s="756">
        <v>0</v>
      </c>
      <c r="J39" s="605"/>
      <c r="K39" s="228"/>
    </row>
    <row r="40" spans="1:11" ht="5.0999999999999996" customHeight="1" x14ac:dyDescent="0.2">
      <c r="A40" s="142"/>
      <c r="B40" s="139"/>
      <c r="C40" s="139"/>
      <c r="D40" s="17"/>
      <c r="E40" s="139"/>
      <c r="F40" s="84"/>
      <c r="G40" s="84"/>
      <c r="H40" s="29"/>
      <c r="I40" s="29"/>
    </row>
    <row r="41" spans="1:11" s="76" customFormat="1" ht="25.5" customHeight="1" x14ac:dyDescent="0.15">
      <c r="A41" s="822" t="s">
        <v>160</v>
      </c>
      <c r="B41" s="224" t="s">
        <v>157</v>
      </c>
      <c r="C41" s="224" t="s">
        <v>157</v>
      </c>
      <c r="D41" s="766" t="s">
        <v>158</v>
      </c>
      <c r="E41" s="768"/>
      <c r="F41" s="859" t="s">
        <v>159</v>
      </c>
      <c r="G41" s="858"/>
      <c r="H41" s="859" t="s">
        <v>348</v>
      </c>
      <c r="I41" s="857"/>
      <c r="J41" s="176"/>
    </row>
    <row r="42" spans="1:11" s="76" customFormat="1" ht="15" customHeight="1" x14ac:dyDescent="0.2">
      <c r="A42" s="825"/>
      <c r="B42" s="842" t="s">
        <v>111</v>
      </c>
      <c r="C42" s="842" t="s">
        <v>112</v>
      </c>
      <c r="D42" s="195" t="s">
        <v>115</v>
      </c>
      <c r="E42" s="195" t="s">
        <v>115</v>
      </c>
      <c r="F42" s="195" t="s">
        <v>115</v>
      </c>
      <c r="G42" s="195" t="s">
        <v>115</v>
      </c>
      <c r="H42" s="877" t="s">
        <v>754</v>
      </c>
      <c r="I42" s="871" t="s">
        <v>755</v>
      </c>
      <c r="J42" s="176"/>
    </row>
    <row r="43" spans="1:11" s="76" customFormat="1" ht="15" customHeight="1" x14ac:dyDescent="0.2">
      <c r="A43" s="826"/>
      <c r="B43" s="824"/>
      <c r="C43" s="824"/>
      <c r="D43" s="196">
        <v>2015</v>
      </c>
      <c r="E43" s="197">
        <v>2014</v>
      </c>
      <c r="F43" s="196">
        <v>2015</v>
      </c>
      <c r="G43" s="197">
        <v>2014</v>
      </c>
      <c r="H43" s="878"/>
      <c r="I43" s="847"/>
      <c r="J43" s="176"/>
    </row>
    <row r="44" spans="1:11" ht="10.5" x14ac:dyDescent="0.2">
      <c r="A44" s="179" t="s">
        <v>134</v>
      </c>
      <c r="B44" s="343">
        <v>1545787900</v>
      </c>
      <c r="C44" s="629">
        <v>1545743465.9400001</v>
      </c>
      <c r="D44" s="629">
        <v>710371599.88</v>
      </c>
      <c r="E44" s="629">
        <v>503202901.54000002</v>
      </c>
      <c r="F44" s="629">
        <v>541949471.09000003</v>
      </c>
      <c r="G44" s="629">
        <v>501357726.06999993</v>
      </c>
      <c r="H44" s="629">
        <v>0</v>
      </c>
      <c r="I44" s="629">
        <v>0</v>
      </c>
    </row>
    <row r="45" spans="1:11" ht="10.5" x14ac:dyDescent="0.2">
      <c r="A45" s="76" t="s">
        <v>281</v>
      </c>
      <c r="B45" s="358">
        <v>3171000</v>
      </c>
      <c r="C45" s="628">
        <v>3702165.94</v>
      </c>
      <c r="D45" s="628">
        <v>306237.66000000003</v>
      </c>
      <c r="E45" s="628">
        <v>594523.54</v>
      </c>
      <c r="F45" s="628">
        <v>257050.55000000005</v>
      </c>
      <c r="G45" s="628">
        <v>457266.85</v>
      </c>
      <c r="H45" s="628">
        <v>0</v>
      </c>
      <c r="I45" s="629">
        <v>0</v>
      </c>
    </row>
    <row r="46" spans="1:11" ht="10.5" x14ac:dyDescent="0.2">
      <c r="A46" s="30" t="s">
        <v>287</v>
      </c>
      <c r="B46" s="345">
        <v>2727700</v>
      </c>
      <c r="C46" s="528">
        <v>3258865.94</v>
      </c>
      <c r="D46" s="528">
        <v>306237.66000000003</v>
      </c>
      <c r="E46" s="528">
        <v>586312.54</v>
      </c>
      <c r="F46" s="528">
        <v>257050.55000000005</v>
      </c>
      <c r="G46" s="528">
        <v>449055.85</v>
      </c>
      <c r="H46" s="528">
        <v>0</v>
      </c>
      <c r="I46" s="527">
        <v>0</v>
      </c>
    </row>
    <row r="47" spans="1:11" ht="10.5" x14ac:dyDescent="0.2">
      <c r="A47" s="30" t="s">
        <v>288</v>
      </c>
      <c r="B47" s="345">
        <v>443300</v>
      </c>
      <c r="C47" s="528">
        <v>443300</v>
      </c>
      <c r="D47" s="528">
        <v>0</v>
      </c>
      <c r="E47" s="528">
        <v>8211</v>
      </c>
      <c r="F47" s="528">
        <v>0</v>
      </c>
      <c r="G47" s="528">
        <v>8211</v>
      </c>
      <c r="H47" s="528">
        <v>0</v>
      </c>
      <c r="I47" s="527">
        <v>0</v>
      </c>
    </row>
    <row r="48" spans="1:11" ht="10.5" x14ac:dyDescent="0.2">
      <c r="A48" s="334" t="s">
        <v>135</v>
      </c>
      <c r="B48" s="358">
        <v>1542616900</v>
      </c>
      <c r="C48" s="628">
        <v>1542041300</v>
      </c>
      <c r="D48" s="628">
        <v>710065362.22000003</v>
      </c>
      <c r="E48" s="628">
        <v>502608378</v>
      </c>
      <c r="F48" s="628">
        <v>541692420.54000008</v>
      </c>
      <c r="G48" s="628">
        <v>500900459.21999991</v>
      </c>
      <c r="H48" s="628">
        <v>0</v>
      </c>
      <c r="I48" s="527">
        <v>0</v>
      </c>
    </row>
    <row r="49" spans="1:10" ht="10.5" x14ac:dyDescent="0.2">
      <c r="A49" s="30" t="s">
        <v>201</v>
      </c>
      <c r="B49" s="345">
        <v>1497784900</v>
      </c>
      <c r="C49" s="528">
        <v>1463922601.3399999</v>
      </c>
      <c r="D49" s="528">
        <v>630790517.96000004</v>
      </c>
      <c r="E49" s="528">
        <v>432738709</v>
      </c>
      <c r="F49" s="528">
        <v>473152880.05000001</v>
      </c>
      <c r="G49" s="528">
        <v>431111627.48999995</v>
      </c>
      <c r="H49" s="528">
        <v>0</v>
      </c>
      <c r="I49" s="527">
        <v>0</v>
      </c>
    </row>
    <row r="50" spans="1:10" ht="10.5" x14ac:dyDescent="0.2">
      <c r="A50" s="30" t="s">
        <v>289</v>
      </c>
      <c r="B50" s="345">
        <v>1251676900</v>
      </c>
      <c r="C50" s="528">
        <v>1417604910.3099999</v>
      </c>
      <c r="D50" s="528">
        <v>584472826.93000007</v>
      </c>
      <c r="E50" s="528">
        <v>356128800</v>
      </c>
      <c r="F50" s="528">
        <v>436120492.67000002</v>
      </c>
      <c r="G50" s="528">
        <v>354765733.02999997</v>
      </c>
      <c r="H50" s="528">
        <v>0</v>
      </c>
      <c r="I50" s="527">
        <v>0</v>
      </c>
    </row>
    <row r="51" spans="1:10" ht="10.5" x14ac:dyDescent="0.2">
      <c r="A51" s="30" t="s">
        <v>290</v>
      </c>
      <c r="B51" s="345">
        <v>240216000</v>
      </c>
      <c r="C51" s="528">
        <v>44058270.550000004</v>
      </c>
      <c r="D51" s="528">
        <v>44058270.550000004</v>
      </c>
      <c r="E51" s="528">
        <v>71991622</v>
      </c>
      <c r="F51" s="528">
        <v>35640046.880000003</v>
      </c>
      <c r="G51" s="528">
        <v>71759930.579999998</v>
      </c>
      <c r="H51" s="528">
        <v>0</v>
      </c>
      <c r="I51" s="527">
        <v>0</v>
      </c>
    </row>
    <row r="52" spans="1:10" s="219" customFormat="1" ht="10.5" x14ac:dyDescent="0.15">
      <c r="A52" s="30" t="s">
        <v>291</v>
      </c>
      <c r="B52" s="386">
        <v>5892000</v>
      </c>
      <c r="C52" s="528">
        <v>2259420.48</v>
      </c>
      <c r="D52" s="528">
        <v>2259420.48</v>
      </c>
      <c r="E52" s="528">
        <v>4618287</v>
      </c>
      <c r="F52" s="528">
        <v>1392340.5</v>
      </c>
      <c r="G52" s="528">
        <v>4585963.88</v>
      </c>
      <c r="H52" s="528">
        <v>0</v>
      </c>
      <c r="I52" s="527">
        <v>0</v>
      </c>
      <c r="J52" s="515"/>
    </row>
    <row r="53" spans="1:10" s="219" customFormat="1" ht="10.5" x14ac:dyDescent="0.15">
      <c r="A53" s="30" t="s">
        <v>202</v>
      </c>
      <c r="B53" s="246">
        <v>44580000</v>
      </c>
      <c r="C53" s="528">
        <v>78118698.660000011</v>
      </c>
      <c r="D53" s="528">
        <v>78118698.660000011</v>
      </c>
      <c r="E53" s="528">
        <v>69869669</v>
      </c>
      <c r="F53" s="528">
        <v>67383394.890000015</v>
      </c>
      <c r="G53" s="528">
        <v>69788831.729999989</v>
      </c>
      <c r="H53" s="528">
        <v>0</v>
      </c>
      <c r="I53" s="527">
        <v>0</v>
      </c>
      <c r="J53" s="515"/>
    </row>
    <row r="54" spans="1:10" s="219" customFormat="1" ht="10.5" x14ac:dyDescent="0.15">
      <c r="A54" s="30" t="s">
        <v>292</v>
      </c>
      <c r="B54" s="386">
        <v>780000</v>
      </c>
      <c r="C54" s="528">
        <v>67985429.659999996</v>
      </c>
      <c r="D54" s="528">
        <v>67985429.659999996</v>
      </c>
      <c r="E54" s="528">
        <v>64526329</v>
      </c>
      <c r="F54" s="528">
        <v>58496889.880000003</v>
      </c>
      <c r="G54" s="528">
        <v>64458808.799999997</v>
      </c>
      <c r="H54" s="528">
        <v>0</v>
      </c>
      <c r="I54" s="527">
        <v>0</v>
      </c>
      <c r="J54" s="515"/>
    </row>
    <row r="55" spans="1:10" s="219" customFormat="1" ht="10.5" x14ac:dyDescent="0.15">
      <c r="A55" s="30" t="s">
        <v>290</v>
      </c>
      <c r="B55" s="386">
        <v>33600000</v>
      </c>
      <c r="C55" s="528">
        <v>9961342.2100000009</v>
      </c>
      <c r="D55" s="528">
        <v>9961342.2100000009</v>
      </c>
      <c r="E55" s="528">
        <v>5343340</v>
      </c>
      <c r="F55" s="528">
        <v>8798063.2200000007</v>
      </c>
      <c r="G55" s="528">
        <v>5330022.93</v>
      </c>
      <c r="H55" s="528">
        <v>0</v>
      </c>
      <c r="I55" s="527">
        <v>0</v>
      </c>
      <c r="J55" s="515"/>
    </row>
    <row r="56" spans="1:10" s="219" customFormat="1" ht="10.5" x14ac:dyDescent="0.15">
      <c r="A56" s="30" t="s">
        <v>291</v>
      </c>
      <c r="B56" s="386">
        <v>10200000</v>
      </c>
      <c r="C56" s="528">
        <v>171926.79</v>
      </c>
      <c r="D56" s="528">
        <v>171926.79</v>
      </c>
      <c r="E56" s="528">
        <v>0</v>
      </c>
      <c r="F56" s="528">
        <v>88441.79</v>
      </c>
      <c r="G56" s="528">
        <v>0</v>
      </c>
      <c r="H56" s="528">
        <v>0</v>
      </c>
      <c r="I56" s="527">
        <v>0</v>
      </c>
      <c r="J56" s="515"/>
    </row>
    <row r="57" spans="1:10" s="219" customFormat="1" ht="10.5" x14ac:dyDescent="0.15">
      <c r="A57" s="30" t="s">
        <v>293</v>
      </c>
      <c r="B57" s="246">
        <v>252000</v>
      </c>
      <c r="C57" s="528">
        <v>0</v>
      </c>
      <c r="D57" s="528">
        <v>1156145.6000000001</v>
      </c>
      <c r="E57" s="528">
        <v>0</v>
      </c>
      <c r="F57" s="528">
        <v>1156145.6000000001</v>
      </c>
      <c r="G57" s="528">
        <v>0</v>
      </c>
      <c r="H57" s="528">
        <v>0</v>
      </c>
      <c r="I57" s="527">
        <v>0</v>
      </c>
      <c r="J57" s="515"/>
    </row>
    <row r="58" spans="1:10" s="219" customFormat="1" ht="10.5" x14ac:dyDescent="0.15">
      <c r="A58" s="30" t="s">
        <v>229</v>
      </c>
      <c r="B58" s="386">
        <v>0</v>
      </c>
      <c r="C58" s="528">
        <v>0</v>
      </c>
      <c r="D58" s="528">
        <v>1156145.6000000001</v>
      </c>
      <c r="E58" s="528">
        <v>0</v>
      </c>
      <c r="F58" s="528">
        <v>1156145.6000000001</v>
      </c>
      <c r="G58" s="528">
        <v>0</v>
      </c>
      <c r="H58" s="528">
        <v>0</v>
      </c>
      <c r="I58" s="527">
        <v>0</v>
      </c>
      <c r="J58" s="515"/>
    </row>
    <row r="59" spans="1:10" s="219" customFormat="1" ht="10.5" x14ac:dyDescent="0.15">
      <c r="A59" s="30" t="s">
        <v>60</v>
      </c>
      <c r="B59" s="386">
        <v>252000</v>
      </c>
      <c r="C59" s="528">
        <v>0</v>
      </c>
      <c r="D59" s="528"/>
      <c r="E59" s="528">
        <v>0</v>
      </c>
      <c r="F59" s="528"/>
      <c r="G59" s="528">
        <v>0</v>
      </c>
      <c r="H59" s="528">
        <v>0</v>
      </c>
      <c r="I59" s="527">
        <v>0</v>
      </c>
      <c r="J59" s="515"/>
    </row>
    <row r="60" spans="1:10" ht="15" customHeight="1" x14ac:dyDescent="0.2">
      <c r="A60" s="390" t="s">
        <v>550</v>
      </c>
      <c r="B60" s="389">
        <v>30000</v>
      </c>
      <c r="C60" s="628">
        <v>30000</v>
      </c>
      <c r="D60" s="528">
        <v>0</v>
      </c>
      <c r="E60" s="528">
        <v>0</v>
      </c>
      <c r="F60" s="528">
        <v>0</v>
      </c>
      <c r="G60" s="528">
        <v>0</v>
      </c>
      <c r="H60" s="528">
        <v>0</v>
      </c>
      <c r="I60" s="527">
        <v>0</v>
      </c>
    </row>
    <row r="61" spans="1:10" ht="15" customHeight="1" x14ac:dyDescent="0.15">
      <c r="A61" s="31" t="s">
        <v>758</v>
      </c>
      <c r="B61" s="377">
        <v>1545817900</v>
      </c>
      <c r="C61" s="377">
        <v>1545773465.9400001</v>
      </c>
      <c r="D61" s="377">
        <v>710371599.88</v>
      </c>
      <c r="E61" s="526">
        <v>503202901.54000002</v>
      </c>
      <c r="F61" s="377">
        <v>541949471.09000003</v>
      </c>
      <c r="G61" s="377">
        <v>501357726.06999993</v>
      </c>
      <c r="H61" s="529">
        <v>0</v>
      </c>
      <c r="I61" s="604">
        <v>0</v>
      </c>
    </row>
    <row r="62" spans="1:10" ht="5.0999999999999996" customHeight="1" x14ac:dyDescent="0.2">
      <c r="A62" s="144"/>
      <c r="B62" s="362"/>
      <c r="C62" s="362"/>
      <c r="D62" s="362"/>
      <c r="E62" s="362"/>
      <c r="F62" s="388"/>
      <c r="G62" s="388"/>
      <c r="H62" s="388"/>
      <c r="I62" s="388"/>
    </row>
    <row r="63" spans="1:10" ht="15" customHeight="1" x14ac:dyDescent="0.2">
      <c r="A63" s="31" t="s">
        <v>551</v>
      </c>
      <c r="B63" s="533">
        <v>-250000000</v>
      </c>
      <c r="C63" s="533">
        <v>-197800021.76999998</v>
      </c>
      <c r="D63" s="533"/>
      <c r="E63" s="533"/>
      <c r="F63" s="533">
        <v>-370548979.43000007</v>
      </c>
      <c r="G63" s="533">
        <v>-247847258.74999994</v>
      </c>
      <c r="H63" s="533"/>
      <c r="I63" s="534"/>
    </row>
    <row r="64" spans="1:10" ht="5.0999999999999996" customHeight="1" x14ac:dyDescent="0.2">
      <c r="A64" s="35"/>
      <c r="B64" s="32"/>
      <c r="C64" s="32"/>
      <c r="D64" s="32"/>
      <c r="E64" s="32"/>
      <c r="G64" s="201"/>
      <c r="H64" s="201"/>
    </row>
    <row r="65" spans="1:11" s="76" customFormat="1" ht="15" customHeight="1" x14ac:dyDescent="0.15">
      <c r="A65" s="856" t="s">
        <v>552</v>
      </c>
      <c r="B65" s="875" t="s">
        <v>108</v>
      </c>
      <c r="C65" s="876"/>
      <c r="D65" s="875" t="s">
        <v>108</v>
      </c>
      <c r="E65" s="876"/>
      <c r="F65" s="871" t="s">
        <v>109</v>
      </c>
      <c r="G65" s="865"/>
      <c r="H65" s="865"/>
      <c r="I65" s="865"/>
      <c r="J65" s="176"/>
    </row>
    <row r="66" spans="1:11" s="76" customFormat="1" ht="10.5" x14ac:dyDescent="0.2">
      <c r="A66" s="846"/>
      <c r="B66" s="845" t="s">
        <v>111</v>
      </c>
      <c r="C66" s="846"/>
      <c r="D66" s="849" t="s">
        <v>112</v>
      </c>
      <c r="E66" s="825"/>
      <c r="F66" s="820" t="s">
        <v>115</v>
      </c>
      <c r="G66" s="822"/>
      <c r="H66" s="820" t="s">
        <v>115</v>
      </c>
      <c r="I66" s="821"/>
      <c r="J66" s="176"/>
    </row>
    <row r="67" spans="1:11" s="76" customFormat="1" ht="10.5" x14ac:dyDescent="0.2">
      <c r="A67" s="848"/>
      <c r="B67" s="847"/>
      <c r="C67" s="848"/>
      <c r="D67" s="850"/>
      <c r="E67" s="826"/>
      <c r="F67" s="845">
        <v>2015</v>
      </c>
      <c r="G67" s="846"/>
      <c r="H67" s="849">
        <v>2014</v>
      </c>
      <c r="I67" s="851"/>
      <c r="J67" s="176"/>
    </row>
    <row r="68" spans="1:11" ht="10.5" x14ac:dyDescent="0.2">
      <c r="A68" s="181" t="s">
        <v>136</v>
      </c>
      <c r="B68" s="852">
        <v>250000000</v>
      </c>
      <c r="C68" s="853">
        <v>0</v>
      </c>
      <c r="D68" s="744">
        <v>305242794.95999998</v>
      </c>
      <c r="E68" s="784">
        <v>0</v>
      </c>
      <c r="F68" s="852">
        <v>130946630.39000002</v>
      </c>
      <c r="G68" s="853">
        <v>0</v>
      </c>
      <c r="H68" s="852">
        <v>239508089</v>
      </c>
      <c r="I68" s="854"/>
      <c r="J68" s="605"/>
      <c r="K68" s="228"/>
    </row>
    <row r="69" spans="1:11" ht="10.5" x14ac:dyDescent="0.2">
      <c r="A69" s="181" t="s">
        <v>137</v>
      </c>
      <c r="B69" s="834">
        <v>250000000</v>
      </c>
      <c r="C69" s="835"/>
      <c r="D69" s="728">
        <v>305242794.95999998</v>
      </c>
      <c r="E69" s="783"/>
      <c r="F69" s="834">
        <v>130946630.39000002</v>
      </c>
      <c r="G69" s="835"/>
      <c r="H69" s="834">
        <v>239508089</v>
      </c>
      <c r="I69" s="838"/>
      <c r="J69" s="605"/>
      <c r="K69" s="228"/>
    </row>
    <row r="70" spans="1:11" ht="10.5" x14ac:dyDescent="0.2">
      <c r="A70" s="136" t="s">
        <v>138</v>
      </c>
      <c r="B70" s="834">
        <v>250000000</v>
      </c>
      <c r="C70" s="835"/>
      <c r="D70" s="728">
        <v>250000000</v>
      </c>
      <c r="E70" s="783"/>
      <c r="F70" s="834">
        <v>75703835.430000007</v>
      </c>
      <c r="G70" s="835"/>
      <c r="H70" s="834">
        <v>141729242.31</v>
      </c>
      <c r="I70" s="838"/>
      <c r="J70" s="605"/>
      <c r="K70" s="228"/>
    </row>
    <row r="71" spans="1:11" ht="10.5" x14ac:dyDescent="0.2">
      <c r="A71" s="136" t="s">
        <v>139</v>
      </c>
      <c r="B71" s="834">
        <v>0</v>
      </c>
      <c r="C71" s="835"/>
      <c r="D71" s="728">
        <v>0</v>
      </c>
      <c r="E71" s="783"/>
      <c r="F71" s="834">
        <v>0</v>
      </c>
      <c r="G71" s="835"/>
      <c r="H71" s="834">
        <v>0</v>
      </c>
      <c r="I71" s="838"/>
      <c r="J71" s="605"/>
      <c r="K71" s="228"/>
    </row>
    <row r="72" spans="1:11" ht="10.5" x14ac:dyDescent="0.2">
      <c r="A72" s="136" t="s">
        <v>140</v>
      </c>
      <c r="B72" s="834">
        <v>0</v>
      </c>
      <c r="C72" s="835"/>
      <c r="D72" s="728">
        <v>55242794.960000001</v>
      </c>
      <c r="E72" s="783"/>
      <c r="F72" s="834">
        <v>55242794.960000001</v>
      </c>
      <c r="G72" s="835"/>
      <c r="H72" s="834">
        <v>97778846.689999998</v>
      </c>
      <c r="I72" s="838"/>
      <c r="J72" s="605"/>
      <c r="K72" s="228"/>
    </row>
    <row r="73" spans="1:11" ht="10.5" x14ac:dyDescent="0.2">
      <c r="A73" s="181" t="s">
        <v>141</v>
      </c>
      <c r="B73" s="834">
        <v>0</v>
      </c>
      <c r="C73" s="835"/>
      <c r="D73" s="728">
        <v>0</v>
      </c>
      <c r="E73" s="783"/>
      <c r="F73" s="834">
        <v>0</v>
      </c>
      <c r="G73" s="835"/>
      <c r="H73" s="834">
        <v>0</v>
      </c>
      <c r="I73" s="838"/>
      <c r="J73" s="605"/>
      <c r="K73" s="228"/>
    </row>
    <row r="74" spans="1:11" ht="10.5" x14ac:dyDescent="0.2">
      <c r="A74" s="136" t="s">
        <v>142</v>
      </c>
      <c r="B74" s="834">
        <v>0</v>
      </c>
      <c r="C74" s="835"/>
      <c r="D74" s="728">
        <v>0</v>
      </c>
      <c r="E74" s="783"/>
      <c r="F74" s="834">
        <v>0</v>
      </c>
      <c r="G74" s="835"/>
      <c r="H74" s="834">
        <v>0</v>
      </c>
      <c r="I74" s="838"/>
      <c r="J74" s="605"/>
      <c r="K74" s="228"/>
    </row>
    <row r="75" spans="1:11" ht="10.5" x14ac:dyDescent="0.2">
      <c r="A75" s="136" t="s">
        <v>143</v>
      </c>
      <c r="B75" s="834">
        <v>0</v>
      </c>
      <c r="C75" s="835"/>
      <c r="D75" s="728">
        <v>0</v>
      </c>
      <c r="E75" s="783"/>
      <c r="F75" s="834">
        <v>0</v>
      </c>
      <c r="G75" s="835"/>
      <c r="H75" s="834">
        <v>0</v>
      </c>
      <c r="I75" s="838"/>
      <c r="J75" s="605"/>
      <c r="K75" s="228"/>
    </row>
    <row r="76" spans="1:11" ht="10.5" x14ac:dyDescent="0.2">
      <c r="A76" s="138" t="s">
        <v>140</v>
      </c>
      <c r="B76" s="832">
        <v>0</v>
      </c>
      <c r="C76" s="836"/>
      <c r="D76" s="815">
        <v>0</v>
      </c>
      <c r="E76" s="837"/>
      <c r="F76" s="832">
        <v>0</v>
      </c>
      <c r="G76" s="836"/>
      <c r="H76" s="832">
        <v>0</v>
      </c>
      <c r="I76" s="833"/>
      <c r="J76" s="605"/>
      <c r="K76" s="228"/>
    </row>
    <row r="77" spans="1:11" ht="5.0999999999999996" customHeight="1" x14ac:dyDescent="0.2">
      <c r="A77" s="200"/>
      <c r="B77" s="200"/>
      <c r="C77" s="200"/>
      <c r="D77" s="215"/>
      <c r="E77" s="215"/>
      <c r="F77" s="215"/>
      <c r="G77" s="78"/>
      <c r="H77" s="78"/>
      <c r="I77" s="78"/>
    </row>
    <row r="78" spans="1:11" s="76" customFormat="1" ht="15" customHeight="1" x14ac:dyDescent="0.2">
      <c r="A78" s="857" t="s">
        <v>144</v>
      </c>
      <c r="B78" s="857"/>
      <c r="C78" s="858"/>
      <c r="D78" s="859" t="s">
        <v>122</v>
      </c>
      <c r="E78" s="857"/>
      <c r="F78" s="857"/>
      <c r="G78" s="857"/>
      <c r="H78" s="857"/>
      <c r="I78" s="857"/>
      <c r="J78" s="176"/>
    </row>
    <row r="79" spans="1:11" ht="15" customHeight="1" x14ac:dyDescent="0.2">
      <c r="A79" s="843" t="s">
        <v>209</v>
      </c>
      <c r="B79" s="843"/>
      <c r="C79" s="844"/>
      <c r="D79" s="867"/>
      <c r="E79" s="868"/>
      <c r="F79" s="868"/>
      <c r="G79" s="868"/>
      <c r="H79" s="868"/>
      <c r="I79" s="868"/>
    </row>
    <row r="80" spans="1:11" ht="5.0999999999999996" customHeight="1" x14ac:dyDescent="0.2">
      <c r="A80" s="199"/>
      <c r="B80" s="199"/>
      <c r="C80" s="199"/>
      <c r="D80" s="198"/>
      <c r="E80" s="198"/>
      <c r="F80" s="198"/>
      <c r="G80" s="84"/>
      <c r="H80" s="84"/>
      <c r="I80" s="84"/>
    </row>
    <row r="81" spans="1:10" s="76" customFormat="1" ht="15" customHeight="1" x14ac:dyDescent="0.2">
      <c r="A81" s="865" t="s">
        <v>553</v>
      </c>
      <c r="B81" s="865"/>
      <c r="C81" s="856"/>
      <c r="D81" s="871" t="s">
        <v>208</v>
      </c>
      <c r="E81" s="865"/>
      <c r="F81" s="865"/>
      <c r="G81" s="865"/>
      <c r="H81" s="865"/>
      <c r="I81" s="865"/>
      <c r="J81" s="176"/>
    </row>
    <row r="82" spans="1:10" s="76" customFormat="1" ht="15" customHeight="1" x14ac:dyDescent="0.2">
      <c r="A82" s="866"/>
      <c r="B82" s="866"/>
      <c r="C82" s="848"/>
      <c r="D82" s="859">
        <v>2015</v>
      </c>
      <c r="E82" s="857"/>
      <c r="F82" s="858"/>
      <c r="G82" s="857">
        <v>2014</v>
      </c>
      <c r="H82" s="857"/>
      <c r="I82" s="857"/>
      <c r="J82" s="176"/>
    </row>
    <row r="83" spans="1:10" ht="10.5" x14ac:dyDescent="0.2">
      <c r="A83" s="869" t="s">
        <v>123</v>
      </c>
      <c r="B83" s="869"/>
      <c r="C83" s="870"/>
      <c r="D83" s="872">
        <v>0</v>
      </c>
      <c r="E83" s="873"/>
      <c r="F83" s="874"/>
      <c r="G83" s="872">
        <v>0</v>
      </c>
      <c r="H83" s="873"/>
      <c r="I83" s="873"/>
    </row>
    <row r="84" spans="1:10" ht="10.5" x14ac:dyDescent="0.2">
      <c r="A84" s="861" t="s">
        <v>124</v>
      </c>
      <c r="B84" s="861"/>
      <c r="C84" s="862"/>
      <c r="D84" s="834">
        <v>177222508.41999999</v>
      </c>
      <c r="E84" s="838"/>
      <c r="F84" s="835"/>
      <c r="G84" s="834">
        <v>5477368.0599999996</v>
      </c>
      <c r="H84" s="838"/>
      <c r="I84" s="838"/>
    </row>
    <row r="85" spans="1:10" ht="10.5" x14ac:dyDescent="0.2">
      <c r="A85" s="861" t="s">
        <v>125</v>
      </c>
      <c r="B85" s="861"/>
      <c r="C85" s="862"/>
      <c r="D85" s="834">
        <v>955968.05000000447</v>
      </c>
      <c r="E85" s="838"/>
      <c r="F85" s="835"/>
      <c r="G85" s="834">
        <v>230181.57</v>
      </c>
      <c r="H85" s="838"/>
      <c r="I85" s="838"/>
    </row>
    <row r="86" spans="1:10" ht="10.5" x14ac:dyDescent="0.2">
      <c r="A86" s="863" t="s">
        <v>126</v>
      </c>
      <c r="B86" s="863"/>
      <c r="C86" s="864"/>
      <c r="D86" s="832">
        <v>0</v>
      </c>
      <c r="E86" s="833"/>
      <c r="F86" s="836"/>
      <c r="G86" s="832">
        <v>0</v>
      </c>
      <c r="H86" s="833"/>
      <c r="I86" s="833"/>
    </row>
    <row r="87" spans="1:10" ht="5.0999999999999996" customHeight="1" x14ac:dyDescent="0.2">
      <c r="A87" s="205"/>
      <c r="B87" s="205"/>
      <c r="C87" s="137"/>
      <c r="D87" s="860"/>
      <c r="E87" s="860"/>
      <c r="F87" s="200"/>
      <c r="G87" s="137"/>
      <c r="H87" s="84"/>
      <c r="I87" s="84"/>
    </row>
    <row r="88" spans="1:10" ht="15" customHeight="1" x14ac:dyDescent="0.15">
      <c r="A88" s="822" t="s">
        <v>145</v>
      </c>
      <c r="B88" s="875" t="s">
        <v>108</v>
      </c>
      <c r="C88" s="876"/>
      <c r="D88" s="875" t="s">
        <v>108</v>
      </c>
      <c r="E88" s="876"/>
      <c r="F88" s="871" t="s">
        <v>109</v>
      </c>
      <c r="G88" s="865"/>
      <c r="H88" s="865"/>
      <c r="I88" s="865"/>
    </row>
    <row r="89" spans="1:10" ht="15" customHeight="1" x14ac:dyDescent="0.2">
      <c r="A89" s="825"/>
      <c r="B89" s="845" t="s">
        <v>111</v>
      </c>
      <c r="C89" s="846"/>
      <c r="D89" s="849" t="s">
        <v>112</v>
      </c>
      <c r="E89" s="825"/>
      <c r="F89" s="820" t="s">
        <v>115</v>
      </c>
      <c r="G89" s="822"/>
      <c r="H89" s="820" t="s">
        <v>115</v>
      </c>
      <c r="I89" s="821"/>
    </row>
    <row r="90" spans="1:10" ht="15" customHeight="1" x14ac:dyDescent="0.2">
      <c r="A90" s="826"/>
      <c r="B90" s="847"/>
      <c r="C90" s="848"/>
      <c r="D90" s="850"/>
      <c r="E90" s="826"/>
      <c r="F90" s="847">
        <v>2015</v>
      </c>
      <c r="G90" s="848"/>
      <c r="H90" s="850">
        <v>2014</v>
      </c>
      <c r="I90" s="882"/>
    </row>
    <row r="91" spans="1:10" ht="11.25" customHeight="1" x14ac:dyDescent="0.2">
      <c r="A91" s="176" t="s">
        <v>147</v>
      </c>
      <c r="B91" s="738">
        <v>914247000</v>
      </c>
      <c r="C91" s="881">
        <v>0</v>
      </c>
      <c r="D91" s="738">
        <v>914247000</v>
      </c>
      <c r="E91" s="881">
        <v>0</v>
      </c>
      <c r="F91" s="744">
        <v>114072415.95</v>
      </c>
      <c r="G91" s="784">
        <v>0</v>
      </c>
      <c r="H91" s="744">
        <v>156843488.56999999</v>
      </c>
      <c r="I91" s="745">
        <v>0</v>
      </c>
    </row>
    <row r="92" spans="1:10" ht="11.25" customHeight="1" x14ac:dyDescent="0.2">
      <c r="A92" s="202" t="s">
        <v>178</v>
      </c>
      <c r="B92" s="728">
        <v>914247000</v>
      </c>
      <c r="C92" s="783"/>
      <c r="D92" s="728">
        <v>914247000</v>
      </c>
      <c r="E92" s="783"/>
      <c r="F92" s="728">
        <v>114072415.95</v>
      </c>
      <c r="G92" s="783"/>
      <c r="H92" s="728">
        <v>156843488.56999999</v>
      </c>
      <c r="I92" s="729"/>
    </row>
    <row r="93" spans="1:10" ht="11.25" customHeight="1" x14ac:dyDescent="0.2">
      <c r="A93" s="202" t="s">
        <v>146</v>
      </c>
      <c r="B93" s="728">
        <v>914247000</v>
      </c>
      <c r="C93" s="783"/>
      <c r="D93" s="728">
        <v>914247000</v>
      </c>
      <c r="E93" s="783"/>
      <c r="F93" s="728">
        <v>114072415.95</v>
      </c>
      <c r="G93" s="783"/>
      <c r="H93" s="728">
        <v>156843488.56999999</v>
      </c>
      <c r="I93" s="729"/>
    </row>
    <row r="94" spans="1:10" ht="11.25" customHeight="1" x14ac:dyDescent="0.2">
      <c r="A94" s="202" t="s">
        <v>283</v>
      </c>
      <c r="B94" s="728">
        <v>264247000</v>
      </c>
      <c r="C94" s="783"/>
      <c r="D94" s="728">
        <v>264247000</v>
      </c>
      <c r="E94" s="783"/>
      <c r="F94" s="728">
        <v>112504885.54000001</v>
      </c>
      <c r="G94" s="783"/>
      <c r="H94" s="728">
        <v>125788436.7</v>
      </c>
      <c r="I94" s="729"/>
    </row>
    <row r="95" spans="1:10" ht="11.25" customHeight="1" x14ac:dyDescent="0.2">
      <c r="A95" s="202" t="s">
        <v>129</v>
      </c>
      <c r="B95" s="728">
        <v>264247000</v>
      </c>
      <c r="C95" s="783"/>
      <c r="D95" s="728">
        <v>264247000</v>
      </c>
      <c r="E95" s="783"/>
      <c r="F95" s="728">
        <v>112504885.54000001</v>
      </c>
      <c r="G95" s="783"/>
      <c r="H95" s="728">
        <v>125788436.7</v>
      </c>
      <c r="I95" s="729"/>
    </row>
    <row r="96" spans="1:10" ht="11.25" customHeight="1" x14ac:dyDescent="0.2">
      <c r="A96" s="202" t="s">
        <v>130</v>
      </c>
      <c r="B96" s="728">
        <v>0</v>
      </c>
      <c r="C96" s="783"/>
      <c r="D96" s="728">
        <v>0</v>
      </c>
      <c r="E96" s="783"/>
      <c r="F96" s="728">
        <v>0</v>
      </c>
      <c r="G96" s="783"/>
      <c r="H96" s="728">
        <v>0</v>
      </c>
      <c r="I96" s="729"/>
    </row>
    <row r="97" spans="1:9" ht="11.25" customHeight="1" x14ac:dyDescent="0.2">
      <c r="A97" s="202" t="s">
        <v>131</v>
      </c>
      <c r="B97" s="728">
        <v>0</v>
      </c>
      <c r="C97" s="783"/>
      <c r="D97" s="728">
        <v>0</v>
      </c>
      <c r="E97" s="783"/>
      <c r="F97" s="728">
        <v>0</v>
      </c>
      <c r="G97" s="783"/>
      <c r="H97" s="728">
        <v>0</v>
      </c>
      <c r="I97" s="729"/>
    </row>
    <row r="98" spans="1:9" ht="11.25" customHeight="1" x14ac:dyDescent="0.2">
      <c r="A98" s="202" t="s">
        <v>284</v>
      </c>
      <c r="B98" s="728">
        <v>650000000</v>
      </c>
      <c r="C98" s="783"/>
      <c r="D98" s="728">
        <v>650000000</v>
      </c>
      <c r="E98" s="783"/>
      <c r="F98" s="728">
        <v>1567530.41</v>
      </c>
      <c r="G98" s="783"/>
      <c r="H98" s="728">
        <v>31055051.870000001</v>
      </c>
      <c r="I98" s="729"/>
    </row>
    <row r="99" spans="1:9" ht="11.25" customHeight="1" x14ac:dyDescent="0.2">
      <c r="A99" s="202" t="s">
        <v>132</v>
      </c>
      <c r="B99" s="728">
        <v>650000000</v>
      </c>
      <c r="C99" s="783"/>
      <c r="D99" s="728">
        <v>650000000</v>
      </c>
      <c r="E99" s="783"/>
      <c r="F99" s="728">
        <v>1567530.41</v>
      </c>
      <c r="G99" s="783"/>
      <c r="H99" s="728">
        <v>31055051.870000001</v>
      </c>
      <c r="I99" s="729"/>
    </row>
    <row r="100" spans="1:9" ht="11.25" customHeight="1" x14ac:dyDescent="0.2">
      <c r="A100" s="202" t="s">
        <v>133</v>
      </c>
      <c r="B100" s="728">
        <v>0</v>
      </c>
      <c r="C100" s="783"/>
      <c r="D100" s="728">
        <v>0</v>
      </c>
      <c r="E100" s="783"/>
      <c r="F100" s="728">
        <v>0</v>
      </c>
      <c r="G100" s="783"/>
      <c r="H100" s="728">
        <v>0</v>
      </c>
      <c r="I100" s="729"/>
    </row>
    <row r="101" spans="1:9" ht="11.25" customHeight="1" x14ac:dyDescent="0.2">
      <c r="A101" s="202" t="s">
        <v>757</v>
      </c>
      <c r="B101" s="728">
        <v>0</v>
      </c>
      <c r="C101" s="783"/>
      <c r="D101" s="728">
        <v>0</v>
      </c>
      <c r="E101" s="783"/>
      <c r="F101" s="728">
        <v>0</v>
      </c>
      <c r="G101" s="783"/>
      <c r="H101" s="728">
        <v>0</v>
      </c>
      <c r="I101" s="729"/>
    </row>
    <row r="102" spans="1:9" ht="11.25" customHeight="1" x14ac:dyDescent="0.2">
      <c r="A102" s="202" t="s">
        <v>778</v>
      </c>
      <c r="B102" s="728">
        <v>0</v>
      </c>
      <c r="C102" s="783"/>
      <c r="D102" s="728">
        <v>0</v>
      </c>
      <c r="E102" s="783"/>
      <c r="F102" s="728">
        <v>0</v>
      </c>
      <c r="G102" s="783"/>
      <c r="H102" s="728">
        <v>0</v>
      </c>
      <c r="I102" s="729"/>
    </row>
    <row r="103" spans="1:9" ht="11.25" customHeight="1" x14ac:dyDescent="0.2">
      <c r="A103" s="202" t="s">
        <v>779</v>
      </c>
      <c r="B103" s="728">
        <v>0</v>
      </c>
      <c r="C103" s="783"/>
      <c r="D103" s="728">
        <v>0</v>
      </c>
      <c r="E103" s="783"/>
      <c r="F103" s="728">
        <v>0</v>
      </c>
      <c r="G103" s="783"/>
      <c r="H103" s="728">
        <v>0</v>
      </c>
      <c r="I103" s="729"/>
    </row>
    <row r="104" spans="1:9" ht="11.25" customHeight="1" x14ac:dyDescent="0.2">
      <c r="A104" s="202" t="s">
        <v>179</v>
      </c>
      <c r="B104" s="728">
        <v>0</v>
      </c>
      <c r="C104" s="783"/>
      <c r="D104" s="728">
        <v>0</v>
      </c>
      <c r="E104" s="783"/>
      <c r="F104" s="728">
        <v>0</v>
      </c>
      <c r="G104" s="783"/>
      <c r="H104" s="728">
        <v>0</v>
      </c>
      <c r="I104" s="729"/>
    </row>
    <row r="105" spans="1:9" ht="11.25" customHeight="1" x14ac:dyDescent="0.2">
      <c r="A105" s="202" t="s">
        <v>186</v>
      </c>
      <c r="B105" s="728">
        <v>0</v>
      </c>
      <c r="C105" s="783"/>
      <c r="D105" s="728">
        <v>0</v>
      </c>
      <c r="E105" s="783"/>
      <c r="F105" s="728">
        <v>0</v>
      </c>
      <c r="G105" s="783"/>
      <c r="H105" s="728">
        <v>0</v>
      </c>
      <c r="I105" s="729"/>
    </row>
    <row r="106" spans="1:9" ht="11.25" customHeight="1" x14ac:dyDescent="0.2">
      <c r="A106" s="202" t="s">
        <v>183</v>
      </c>
      <c r="B106" s="728">
        <v>0</v>
      </c>
      <c r="C106" s="783"/>
      <c r="D106" s="728">
        <v>0</v>
      </c>
      <c r="E106" s="783"/>
      <c r="F106" s="728">
        <v>0</v>
      </c>
      <c r="G106" s="783"/>
      <c r="H106" s="728">
        <v>0</v>
      </c>
      <c r="I106" s="729"/>
    </row>
    <row r="107" spans="1:9" ht="11.25" customHeight="1" x14ac:dyDescent="0.2">
      <c r="A107" s="76" t="s">
        <v>148</v>
      </c>
      <c r="B107" s="728">
        <v>0</v>
      </c>
      <c r="C107" s="783">
        <v>0</v>
      </c>
      <c r="D107" s="728">
        <v>0</v>
      </c>
      <c r="E107" s="783">
        <v>0</v>
      </c>
      <c r="F107" s="728">
        <v>0</v>
      </c>
      <c r="G107" s="783">
        <v>0</v>
      </c>
      <c r="H107" s="728">
        <v>0</v>
      </c>
      <c r="I107" s="729">
        <v>0</v>
      </c>
    </row>
    <row r="108" spans="1:9" ht="11.25" customHeight="1" x14ac:dyDescent="0.2">
      <c r="A108" s="140" t="s">
        <v>822</v>
      </c>
      <c r="B108" s="728">
        <v>0</v>
      </c>
      <c r="C108" s="783"/>
      <c r="D108" s="728">
        <v>0</v>
      </c>
      <c r="E108" s="783"/>
      <c r="F108" s="728">
        <v>0</v>
      </c>
      <c r="G108" s="783"/>
      <c r="H108" s="728">
        <v>0</v>
      </c>
      <c r="I108" s="729"/>
    </row>
    <row r="109" spans="1:9" ht="11.25" customHeight="1" x14ac:dyDescent="0.2">
      <c r="A109" s="202" t="s">
        <v>824</v>
      </c>
      <c r="B109" s="728">
        <v>0</v>
      </c>
      <c r="C109" s="783"/>
      <c r="D109" s="728">
        <v>0</v>
      </c>
      <c r="E109" s="783"/>
      <c r="F109" s="728">
        <v>0</v>
      </c>
      <c r="G109" s="783"/>
      <c r="H109" s="728">
        <v>0</v>
      </c>
      <c r="I109" s="729"/>
    </row>
    <row r="110" spans="1:9" ht="11.25" customHeight="1" x14ac:dyDescent="0.2">
      <c r="A110" s="140" t="s">
        <v>823</v>
      </c>
      <c r="B110" s="728">
        <v>0</v>
      </c>
      <c r="C110" s="783"/>
      <c r="D110" s="728">
        <v>0</v>
      </c>
      <c r="E110" s="783"/>
      <c r="F110" s="728">
        <v>0</v>
      </c>
      <c r="G110" s="783"/>
      <c r="H110" s="728">
        <v>0</v>
      </c>
      <c r="I110" s="729"/>
    </row>
    <row r="111" spans="1:9" ht="11.25" customHeight="1" x14ac:dyDescent="0.2">
      <c r="A111" s="76"/>
      <c r="B111" s="728">
        <v>0</v>
      </c>
      <c r="C111" s="783"/>
      <c r="D111" s="728">
        <v>0</v>
      </c>
      <c r="E111" s="783"/>
      <c r="F111" s="728">
        <v>0</v>
      </c>
      <c r="G111" s="783"/>
      <c r="H111" s="728">
        <v>0</v>
      </c>
      <c r="I111" s="729"/>
    </row>
    <row r="112" spans="1:9" ht="26.25" customHeight="1" x14ac:dyDescent="0.2">
      <c r="A112" s="185" t="s">
        <v>777</v>
      </c>
      <c r="B112" s="755">
        <v>914247000</v>
      </c>
      <c r="C112" s="855"/>
      <c r="D112" s="755">
        <v>914247000</v>
      </c>
      <c r="E112" s="855"/>
      <c r="F112" s="755">
        <v>114072415.95</v>
      </c>
      <c r="G112" s="756"/>
      <c r="H112" s="755">
        <v>156843488.56999999</v>
      </c>
      <c r="I112" s="756"/>
    </row>
    <row r="113" spans="1:10" ht="5.0999999999999996" customHeight="1" x14ac:dyDescent="0.15">
      <c r="A113" s="220"/>
      <c r="B113" s="221"/>
      <c r="C113" s="221"/>
      <c r="D113" s="222"/>
      <c r="E113" s="222"/>
      <c r="F113" s="222"/>
      <c r="G113" s="223"/>
      <c r="H113" s="223"/>
      <c r="I113" s="223"/>
    </row>
    <row r="114" spans="1:10" ht="30" customHeight="1" x14ac:dyDescent="0.15">
      <c r="A114" s="839" t="s">
        <v>149</v>
      </c>
      <c r="B114" s="224" t="s">
        <v>157</v>
      </c>
      <c r="C114" s="224" t="s">
        <v>157</v>
      </c>
      <c r="D114" s="766" t="s">
        <v>158</v>
      </c>
      <c r="E114" s="768"/>
      <c r="F114" s="859" t="s">
        <v>159</v>
      </c>
      <c r="G114" s="858"/>
      <c r="H114" s="859" t="s">
        <v>348</v>
      </c>
      <c r="I114" s="857"/>
    </row>
    <row r="115" spans="1:10" ht="15" customHeight="1" x14ac:dyDescent="0.2">
      <c r="A115" s="840"/>
      <c r="B115" s="842" t="s">
        <v>111</v>
      </c>
      <c r="C115" s="842" t="s">
        <v>112</v>
      </c>
      <c r="D115" s="195" t="s">
        <v>115</v>
      </c>
      <c r="E115" s="195" t="s">
        <v>115</v>
      </c>
      <c r="F115" s="195" t="s">
        <v>115</v>
      </c>
      <c r="G115" s="195" t="s">
        <v>115</v>
      </c>
      <c r="H115" s="877" t="s">
        <v>754</v>
      </c>
      <c r="I115" s="871" t="s">
        <v>755</v>
      </c>
    </row>
    <row r="116" spans="1:10" ht="15" customHeight="1" x14ac:dyDescent="0.2">
      <c r="A116" s="841"/>
      <c r="B116" s="824"/>
      <c r="C116" s="824"/>
      <c r="D116" s="196">
        <v>2015</v>
      </c>
      <c r="E116" s="197">
        <v>2014</v>
      </c>
      <c r="F116" s="196">
        <v>2015</v>
      </c>
      <c r="G116" s="197">
        <v>2014</v>
      </c>
      <c r="H116" s="878"/>
      <c r="I116" s="847"/>
    </row>
    <row r="117" spans="1:10" ht="11.25" customHeight="1" x14ac:dyDescent="0.2">
      <c r="A117" s="182" t="s">
        <v>150</v>
      </c>
      <c r="B117" s="384">
        <v>30000</v>
      </c>
      <c r="C117" s="384">
        <v>30000</v>
      </c>
      <c r="D117" s="384">
        <v>0</v>
      </c>
      <c r="E117" s="384">
        <v>0</v>
      </c>
      <c r="F117" s="384">
        <v>0</v>
      </c>
      <c r="G117" s="384">
        <v>0</v>
      </c>
      <c r="H117" s="384">
        <v>0</v>
      </c>
      <c r="I117" s="385">
        <v>0</v>
      </c>
    </row>
    <row r="118" spans="1:10" ht="11.25" customHeight="1" x14ac:dyDescent="0.2">
      <c r="A118" s="33" t="s">
        <v>204</v>
      </c>
      <c r="B118" s="345">
        <v>30000</v>
      </c>
      <c r="C118" s="345">
        <v>30000</v>
      </c>
      <c r="D118" s="345"/>
      <c r="E118" s="345"/>
      <c r="F118" s="345"/>
      <c r="G118" s="345">
        <v>0</v>
      </c>
      <c r="H118" s="345"/>
      <c r="I118" s="362"/>
    </row>
    <row r="119" spans="1:10" ht="11.25" customHeight="1" x14ac:dyDescent="0.2">
      <c r="A119" s="34" t="s">
        <v>205</v>
      </c>
      <c r="B119" s="345"/>
      <c r="C119" s="345"/>
      <c r="D119" s="345"/>
      <c r="E119" s="345"/>
      <c r="F119" s="345"/>
      <c r="G119" s="345">
        <v>0</v>
      </c>
      <c r="H119" s="345"/>
      <c r="I119" s="362"/>
    </row>
    <row r="120" spans="1:10" ht="24.95" customHeight="1" x14ac:dyDescent="0.2">
      <c r="A120" s="594" t="s">
        <v>151</v>
      </c>
      <c r="B120" s="377">
        <v>30000</v>
      </c>
      <c r="C120" s="377">
        <v>30000</v>
      </c>
      <c r="D120" s="377">
        <v>0</v>
      </c>
      <c r="E120" s="377">
        <v>0</v>
      </c>
      <c r="F120" s="377">
        <v>0</v>
      </c>
      <c r="G120" s="377">
        <v>0</v>
      </c>
      <c r="H120" s="377">
        <v>0</v>
      </c>
      <c r="I120" s="387">
        <v>0</v>
      </c>
    </row>
    <row r="121" spans="1:10" ht="11.25" customHeight="1" x14ac:dyDescent="0.2">
      <c r="A121" s="305" t="s">
        <v>877</v>
      </c>
      <c r="I121" s="341"/>
    </row>
    <row r="122" spans="1:10" ht="11.25" customHeight="1" x14ac:dyDescent="0.2">
      <c r="A122" s="305"/>
    </row>
    <row r="126" spans="1:10" s="305" customFormat="1" ht="11.25" customHeight="1" x14ac:dyDescent="0.2">
      <c r="F126" s="243"/>
      <c r="I126" s="243"/>
      <c r="J126" s="243"/>
    </row>
    <row r="127" spans="1:10" s="305" customFormat="1" ht="11.25" customHeight="1" x14ac:dyDescent="0.2">
      <c r="F127" s="243"/>
      <c r="I127" s="243"/>
      <c r="J127" s="243"/>
    </row>
    <row r="129" spans="1:9" ht="11.25" customHeight="1" x14ac:dyDescent="0.2">
      <c r="A129" s="305"/>
      <c r="B129" s="305"/>
      <c r="C129" s="305"/>
      <c r="D129" s="305"/>
      <c r="E129" s="305"/>
      <c r="F129" s="243"/>
      <c r="G129" s="305"/>
      <c r="H129" s="305"/>
      <c r="I129" s="243"/>
    </row>
    <row r="130" spans="1:9" ht="11.25" customHeight="1" x14ac:dyDescent="0.2">
      <c r="A130" s="305"/>
      <c r="B130" s="305"/>
      <c r="C130" s="305"/>
      <c r="D130" s="305"/>
      <c r="E130" s="305"/>
      <c r="F130" s="243"/>
      <c r="G130" s="305"/>
      <c r="H130" s="305"/>
      <c r="I130" s="243"/>
    </row>
    <row r="131" spans="1:9" ht="11.25" customHeight="1" x14ac:dyDescent="0.2">
      <c r="A131" s="305"/>
      <c r="B131" s="305"/>
      <c r="C131" s="305"/>
      <c r="D131" s="305"/>
      <c r="E131" s="305"/>
      <c r="F131" s="243"/>
      <c r="G131" s="305"/>
      <c r="H131" s="305"/>
      <c r="I131" s="243"/>
    </row>
    <row r="132" spans="1:9" ht="11.25" customHeight="1" x14ac:dyDescent="0.2">
      <c r="A132" s="305"/>
      <c r="B132" s="305"/>
      <c r="C132" s="305"/>
      <c r="D132" s="305"/>
      <c r="E132" s="305"/>
      <c r="F132" s="243"/>
      <c r="G132" s="305"/>
      <c r="H132" s="305"/>
      <c r="I132" s="243"/>
    </row>
    <row r="133" spans="1:9" ht="11.25" customHeight="1" x14ac:dyDescent="0.2">
      <c r="A133" s="305"/>
      <c r="B133" s="305"/>
      <c r="C133" s="305"/>
      <c r="D133" s="305"/>
      <c r="E133" s="305"/>
      <c r="F133" s="243"/>
      <c r="G133" s="305"/>
      <c r="H133" s="305"/>
      <c r="I133" s="243"/>
    </row>
    <row r="134" spans="1:9" ht="11.25" customHeight="1" x14ac:dyDescent="0.2">
      <c r="A134" s="305"/>
      <c r="B134" s="305"/>
      <c r="C134" s="305"/>
      <c r="D134" s="305"/>
      <c r="E134" s="305"/>
      <c r="F134" s="243"/>
      <c r="G134" s="305"/>
      <c r="H134" s="305"/>
      <c r="I134" s="243"/>
    </row>
    <row r="135" spans="1:9" ht="11.25" customHeight="1" x14ac:dyDescent="0.2">
      <c r="A135" s="305"/>
      <c r="B135" s="305"/>
      <c r="C135" s="305"/>
      <c r="D135" s="305"/>
      <c r="E135" s="305"/>
      <c r="F135" s="243"/>
      <c r="G135" s="305"/>
      <c r="H135" s="305"/>
      <c r="I135" s="243"/>
    </row>
    <row r="136" spans="1:9" ht="11.25" customHeight="1" x14ac:dyDescent="0.2">
      <c r="A136" s="305"/>
      <c r="B136" s="305"/>
      <c r="C136" s="305"/>
      <c r="D136" s="305"/>
      <c r="E136" s="305"/>
      <c r="F136" s="243"/>
      <c r="G136" s="305"/>
      <c r="H136" s="305"/>
      <c r="I136" s="243"/>
    </row>
    <row r="137" spans="1:9" ht="11.25" customHeight="1" x14ac:dyDescent="0.2">
      <c r="A137" s="305"/>
      <c r="B137" s="305"/>
      <c r="C137" s="305"/>
      <c r="D137" s="305"/>
      <c r="E137" s="305"/>
      <c r="F137" s="243"/>
      <c r="G137" s="305"/>
      <c r="H137" s="305"/>
      <c r="I137" s="243"/>
    </row>
    <row r="138" spans="1:9" ht="11.25" customHeight="1" x14ac:dyDescent="0.2">
      <c r="A138" s="305"/>
      <c r="B138" s="305"/>
      <c r="C138" s="305"/>
      <c r="D138" s="305"/>
      <c r="E138" s="305"/>
      <c r="F138" s="243"/>
      <c r="G138" s="305"/>
      <c r="H138" s="305"/>
      <c r="I138" s="243"/>
    </row>
    <row r="139" spans="1:9" ht="11.25" customHeight="1" x14ac:dyDescent="0.2">
      <c r="A139" s="305"/>
      <c r="B139" s="305"/>
      <c r="C139" s="305"/>
      <c r="D139" s="305"/>
      <c r="E139" s="305"/>
      <c r="F139" s="243"/>
      <c r="G139" s="305"/>
      <c r="H139" s="305"/>
      <c r="I139" s="243"/>
    </row>
    <row r="140" spans="1:9" ht="11.25" customHeight="1" x14ac:dyDescent="0.2">
      <c r="A140" s="305"/>
      <c r="B140" s="305"/>
      <c r="C140" s="305"/>
      <c r="D140" s="305"/>
      <c r="E140" s="305"/>
      <c r="F140" s="243"/>
      <c r="G140" s="305"/>
      <c r="H140" s="305"/>
      <c r="I140" s="243"/>
    </row>
    <row r="141" spans="1:9" ht="11.25" customHeight="1" x14ac:dyDescent="0.2">
      <c r="A141" s="305"/>
      <c r="B141" s="305"/>
      <c r="C141" s="305"/>
      <c r="D141" s="305"/>
      <c r="E141" s="305"/>
      <c r="F141" s="243"/>
      <c r="G141" s="305"/>
      <c r="H141" s="305"/>
      <c r="I141" s="243"/>
    </row>
    <row r="142" spans="1:9" ht="11.25" customHeight="1" x14ac:dyDescent="0.2">
      <c r="A142" s="305"/>
      <c r="B142" s="305"/>
      <c r="C142" s="305"/>
      <c r="D142" s="305"/>
      <c r="E142" s="305"/>
      <c r="F142" s="243"/>
      <c r="G142" s="305"/>
      <c r="H142" s="305"/>
      <c r="I142" s="243"/>
    </row>
    <row r="143" spans="1:9" ht="11.25" customHeight="1" x14ac:dyDescent="0.2">
      <c r="A143" s="305"/>
      <c r="B143" s="305"/>
      <c r="C143" s="305"/>
      <c r="D143" s="305"/>
      <c r="E143" s="305"/>
      <c r="F143" s="243"/>
      <c r="G143" s="305"/>
      <c r="H143" s="305"/>
      <c r="I143" s="243"/>
    </row>
  </sheetData>
  <customSheetViews>
    <customSheetView guid="{6DBFA32C-4AA4-4E1D-9A48-697377C64CC3}" scale="80" showPageBreaks="1" showGridLines="0" fitToPage="1" topLeftCell="A37">
      <selection activeCell="B49" sqref="B49"/>
      <pageMargins left="0.19685039370078741" right="0.19685039370078741" top="0.39370078740157483" bottom="0.39370078740157483" header="0" footer="0"/>
      <printOptions horizontalCentered="1"/>
      <pageSetup paperSize="9" scale="46" orientation="portrait" r:id="rId1"/>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2"/>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3"/>
      <headerFooter alignWithMargins="0"/>
    </customSheetView>
    <customSheetView guid="{82EDB5A4-4824-4632-A540-7A52C92F04C7}" showPageBreaks="1" showGridLines="0" fitToPage="1" topLeftCell="A67">
      <selection activeCell="D85" sqref="D85:F85"/>
      <pageMargins left="0.19685039370078741" right="0.19685039370078741" top="0.59055118110236227" bottom="0.19685039370078741" header="0" footer="0"/>
      <printOptions horizontalCentered="1"/>
      <pageSetup paperSize="9" scale="46" orientation="portrait" r:id="rId4"/>
      <headerFooter alignWithMargins="0"/>
    </customSheetView>
    <customSheetView guid="{3AAF6A5F-F9AA-430B-9AD9-1261ECDF41B5}" scale="90" showGridLines="0" fitToPage="1" topLeftCell="A47">
      <selection activeCell="D68" sqref="D68:E68"/>
      <pageMargins left="0.39370078740157483" right="0.39370078740157483" top="0.98425196850393704" bottom="0.98425196850393704" header="0" footer="0.19685039370078741"/>
      <printOptions horizontalCentered="1"/>
      <pageSetup paperSize="9" scale="43" orientation="portrait" r:id="rId5"/>
      <headerFooter alignWithMargins="0"/>
    </customSheetView>
    <customSheetView guid="{C779D862-DE28-46CD-A428-4AAA1056D1E1}" showGridLines="0" fitToPage="1">
      <selection activeCell="D68" sqref="D68:E68"/>
      <pageMargins left="0.19685039370078741" right="0.19685039370078741" top="0.59055118110236227" bottom="0.19685039370078741" header="0" footer="0"/>
      <printOptions horizontalCentered="1"/>
      <pageSetup paperSize="9" scale="45" orientation="portrait" r:id="rId6"/>
      <headerFooter alignWithMargins="0"/>
    </customSheetView>
    <customSheetView guid="{25EF1E0D-169B-4051-B414-7E1196FC05E4}" showPageBreaks="1" showGridLines="0" fitToPage="1" printArea="1" topLeftCell="A52">
      <selection activeCell="F22" sqref="F22:G22"/>
      <pageMargins left="0.19685039370078741" right="0.19685039370078741" top="0.19685039370078741" bottom="0.19685039370078741" header="0" footer="0"/>
      <printOptions horizontalCentered="1"/>
      <pageSetup paperSize="9" scale="45" orientation="portrait" r:id="rId7"/>
      <headerFooter alignWithMargins="0"/>
    </customSheetView>
  </customSheetViews>
  <mergeCells count="305">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 ref="B91:C91"/>
    <mergeCell ref="D91:E91"/>
    <mergeCell ref="F91:G91"/>
    <mergeCell ref="H91:I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A88:A90"/>
    <mergeCell ref="B88:C88"/>
    <mergeCell ref="D88:E88"/>
    <mergeCell ref="F88:I88"/>
    <mergeCell ref="B89:C90"/>
    <mergeCell ref="D89:E90"/>
    <mergeCell ref="F89:G89"/>
    <mergeCell ref="H89:I89"/>
    <mergeCell ref="F90:G90"/>
    <mergeCell ref="H90:I90"/>
    <mergeCell ref="F17:G17"/>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B15:C15"/>
    <mergeCell ref="H13:I13"/>
    <mergeCell ref="H14:I14"/>
    <mergeCell ref="A6:I6"/>
    <mergeCell ref="A7:I7"/>
    <mergeCell ref="F14:G14"/>
    <mergeCell ref="F15:G15"/>
    <mergeCell ref="H15:I15"/>
    <mergeCell ref="D41:E41"/>
    <mergeCell ref="F41:G41"/>
    <mergeCell ref="H38:I38"/>
    <mergeCell ref="F38:G38"/>
    <mergeCell ref="B19:C19"/>
    <mergeCell ref="D19:E19"/>
    <mergeCell ref="F19:G19"/>
    <mergeCell ref="H19:I19"/>
    <mergeCell ref="B20:C20"/>
    <mergeCell ref="D20:E20"/>
    <mergeCell ref="F20:G20"/>
    <mergeCell ref="H20:I20"/>
    <mergeCell ref="B21:C21"/>
    <mergeCell ref="D21:E21"/>
    <mergeCell ref="F21:G21"/>
    <mergeCell ref="H21:I21"/>
    <mergeCell ref="H42:H43"/>
    <mergeCell ref="I42:I43"/>
    <mergeCell ref="H41:I41"/>
    <mergeCell ref="B14:C14"/>
    <mergeCell ref="D14:E14"/>
    <mergeCell ref="F36:G36"/>
    <mergeCell ref="H34:I34"/>
    <mergeCell ref="H36:I36"/>
    <mergeCell ref="F30:G30"/>
    <mergeCell ref="F31:G31"/>
    <mergeCell ref="F32:G32"/>
    <mergeCell ref="F33:G33"/>
    <mergeCell ref="F34:G34"/>
    <mergeCell ref="F16:G16"/>
    <mergeCell ref="H16:I16"/>
    <mergeCell ref="H17:I17"/>
    <mergeCell ref="H30:I30"/>
    <mergeCell ref="H31:I31"/>
    <mergeCell ref="H32:I32"/>
    <mergeCell ref="H33:I33"/>
    <mergeCell ref="B18:C18"/>
    <mergeCell ref="D18:E18"/>
    <mergeCell ref="F18:G18"/>
    <mergeCell ref="H18:I18"/>
    <mergeCell ref="A65:A67"/>
    <mergeCell ref="A78:C78"/>
    <mergeCell ref="D78:I78"/>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65:C65"/>
    <mergeCell ref="D65:E65"/>
    <mergeCell ref="F65:I65"/>
    <mergeCell ref="B22:C22"/>
    <mergeCell ref="D22:E22"/>
    <mergeCell ref="F22:G22"/>
    <mergeCell ref="H22:I22"/>
    <mergeCell ref="B23:C23"/>
    <mergeCell ref="D23:E23"/>
    <mergeCell ref="F23:G23"/>
    <mergeCell ref="H23:I23"/>
    <mergeCell ref="B24:C24"/>
    <mergeCell ref="D24:E24"/>
    <mergeCell ref="F24:G24"/>
    <mergeCell ref="H24:I24"/>
    <mergeCell ref="B25:C25"/>
    <mergeCell ref="D25:E25"/>
    <mergeCell ref="F25:G25"/>
    <mergeCell ref="H25:I25"/>
    <mergeCell ref="B26:C26"/>
    <mergeCell ref="D26:E26"/>
    <mergeCell ref="F26:G26"/>
    <mergeCell ref="H26:I2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35:C35"/>
    <mergeCell ref="D35:E35"/>
    <mergeCell ref="F35:G35"/>
    <mergeCell ref="H35:I35"/>
    <mergeCell ref="H39:I39"/>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H100:I100"/>
    <mergeCell ref="B101:C101"/>
    <mergeCell ref="F101:G101"/>
    <mergeCell ref="H101:I101"/>
    <mergeCell ref="B102:C102"/>
    <mergeCell ref="F102:G102"/>
    <mergeCell ref="H102:I102"/>
    <mergeCell ref="D107:E107"/>
    <mergeCell ref="F107:G107"/>
    <mergeCell ref="H107:I107"/>
    <mergeCell ref="D101:E101"/>
    <mergeCell ref="D102:E102"/>
    <mergeCell ref="D103:E103"/>
    <mergeCell ref="D104:E104"/>
    <mergeCell ref="D105:E105"/>
    <mergeCell ref="D106:E106"/>
    <mergeCell ref="B66:C67"/>
    <mergeCell ref="D66:E67"/>
    <mergeCell ref="F66:G66"/>
    <mergeCell ref="H66:I66"/>
    <mergeCell ref="F67:G67"/>
    <mergeCell ref="H67:I67"/>
    <mergeCell ref="B68:C68"/>
    <mergeCell ref="B69:C69"/>
    <mergeCell ref="F68:G68"/>
    <mergeCell ref="F69:G69"/>
    <mergeCell ref="H68:I68"/>
    <mergeCell ref="D68:E68"/>
    <mergeCell ref="D69:E69"/>
    <mergeCell ref="H69:I69"/>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s>
  <printOptions horizontalCentered="1"/>
  <pageMargins left="0.19685039370078741" right="0.19685039370078741" top="0.59055118110236227" bottom="0.19685039370078741" header="0" footer="0"/>
  <pageSetup paperSize="9" scale="45" orientation="portrait" r:id="rId8"/>
  <headerFooter alignWithMargins="0"/>
  <drawing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tabColor rgb="FF92D050"/>
    <pageSetUpPr fitToPage="1"/>
  </sheetPr>
  <dimension ref="A1:J142"/>
  <sheetViews>
    <sheetView showGridLines="0" zoomScaleNormal="100" workbookViewId="0"/>
  </sheetViews>
  <sheetFormatPr defaultColWidth="4.140625" defaultRowHeight="11.25" customHeight="1" x14ac:dyDescent="0.2"/>
  <cols>
    <col min="1" max="1" width="77.28515625" style="173" customWidth="1"/>
    <col min="2" max="3" width="20.140625" style="1" bestFit="1" customWidth="1"/>
    <col min="4" max="9" width="15.7109375" style="1" customWidth="1"/>
    <col min="10" max="10" width="4.140625" style="243"/>
    <col min="11" max="16384" width="4.140625" style="1"/>
  </cols>
  <sheetData>
    <row r="1" spans="1:10" s="30" customFormat="1" ht="11.25" customHeight="1" x14ac:dyDescent="0.2">
      <c r="A1" s="334"/>
      <c r="B1" s="334"/>
      <c r="C1" s="334"/>
      <c r="D1" s="334"/>
      <c r="E1" s="334"/>
      <c r="F1" s="334"/>
      <c r="G1" s="334"/>
      <c r="H1" s="334"/>
      <c r="I1" s="334"/>
      <c r="J1" s="129"/>
    </row>
    <row r="2" spans="1:10" s="30" customFormat="1" ht="11.25" customHeight="1" x14ac:dyDescent="0.2">
      <c r="A2" s="174"/>
      <c r="J2" s="129"/>
    </row>
    <row r="3" spans="1:10" s="53" customFormat="1" ht="10.5" x14ac:dyDescent="0.2">
      <c r="A3" s="757" t="s">
        <v>643</v>
      </c>
      <c r="B3" s="757"/>
      <c r="C3" s="757"/>
      <c r="D3" s="757"/>
      <c r="E3" s="757"/>
      <c r="F3" s="757"/>
      <c r="G3" s="757"/>
      <c r="H3" s="757"/>
      <c r="I3" s="757"/>
      <c r="J3" s="66"/>
    </row>
    <row r="4" spans="1:10" s="53" customFormat="1" ht="10.5" x14ac:dyDescent="0.2">
      <c r="A4" s="757" t="s">
        <v>105</v>
      </c>
      <c r="B4" s="757"/>
      <c r="C4" s="757"/>
      <c r="D4" s="757"/>
      <c r="E4" s="757"/>
      <c r="F4" s="757"/>
      <c r="G4" s="757"/>
      <c r="H4" s="757"/>
      <c r="I4" s="757"/>
      <c r="J4" s="66"/>
    </row>
    <row r="5" spans="1:10" s="53" customFormat="1" ht="10.5" x14ac:dyDescent="0.2">
      <c r="A5" s="757" t="s">
        <v>127</v>
      </c>
      <c r="B5" s="757"/>
      <c r="C5" s="757"/>
      <c r="D5" s="757"/>
      <c r="E5" s="757"/>
      <c r="F5" s="757"/>
      <c r="G5" s="757"/>
      <c r="H5" s="757"/>
      <c r="I5" s="757"/>
      <c r="J5" s="66"/>
    </row>
    <row r="6" spans="1:10" s="53" customFormat="1" ht="10.5" x14ac:dyDescent="0.2">
      <c r="A6" s="757" t="s">
        <v>753</v>
      </c>
      <c r="B6" s="757"/>
      <c r="C6" s="757"/>
      <c r="D6" s="757"/>
      <c r="E6" s="757"/>
      <c r="F6" s="757"/>
      <c r="G6" s="757"/>
      <c r="H6" s="757"/>
      <c r="I6" s="757"/>
      <c r="J6" s="66"/>
    </row>
    <row r="7" spans="1:10" s="53" customFormat="1" ht="10.5" x14ac:dyDescent="0.2">
      <c r="A7" s="757" t="s">
        <v>869</v>
      </c>
      <c r="B7" s="757"/>
      <c r="C7" s="757"/>
      <c r="D7" s="757"/>
      <c r="E7" s="757"/>
      <c r="F7" s="757"/>
      <c r="G7" s="757"/>
      <c r="H7" s="757"/>
      <c r="I7" s="757"/>
      <c r="J7" s="66"/>
    </row>
    <row r="8" spans="1:10" s="30" customFormat="1" ht="11.25" customHeight="1" x14ac:dyDescent="0.2">
      <c r="J8" s="129"/>
    </row>
    <row r="9" spans="1:10" s="30" customFormat="1" ht="10.5" x14ac:dyDescent="0.2">
      <c r="A9" s="30" t="s">
        <v>367</v>
      </c>
      <c r="F9" s="880"/>
      <c r="G9" s="880"/>
      <c r="I9" s="255">
        <v>1</v>
      </c>
      <c r="J9" s="129"/>
    </row>
    <row r="10" spans="1:10" ht="15" customHeight="1" x14ac:dyDescent="0.15">
      <c r="A10" s="822" t="s">
        <v>110</v>
      </c>
      <c r="B10" s="875" t="s">
        <v>108</v>
      </c>
      <c r="C10" s="876"/>
      <c r="D10" s="875" t="s">
        <v>108</v>
      </c>
      <c r="E10" s="876"/>
      <c r="F10" s="871" t="s">
        <v>109</v>
      </c>
      <c r="G10" s="865"/>
      <c r="H10" s="865"/>
      <c r="I10" s="865"/>
    </row>
    <row r="11" spans="1:10" ht="15" customHeight="1" x14ac:dyDescent="0.2">
      <c r="A11" s="825"/>
      <c r="B11" s="845" t="s">
        <v>111</v>
      </c>
      <c r="C11" s="846"/>
      <c r="D11" s="849" t="s">
        <v>112</v>
      </c>
      <c r="E11" s="825"/>
      <c r="F11" s="820" t="s">
        <v>115</v>
      </c>
      <c r="G11" s="822"/>
      <c r="H11" s="820" t="s">
        <v>115</v>
      </c>
      <c r="I11" s="821"/>
    </row>
    <row r="12" spans="1:10" ht="15" customHeight="1" x14ac:dyDescent="0.2">
      <c r="A12" s="826"/>
      <c r="B12" s="847"/>
      <c r="C12" s="848"/>
      <c r="D12" s="850"/>
      <c r="E12" s="826"/>
      <c r="F12" s="845">
        <v>2015</v>
      </c>
      <c r="G12" s="846"/>
      <c r="H12" s="849">
        <v>2014</v>
      </c>
      <c r="I12" s="851"/>
    </row>
    <row r="13" spans="1:10" s="76" customFormat="1" ht="10.5" x14ac:dyDescent="0.2">
      <c r="A13" s="176" t="s">
        <v>282</v>
      </c>
      <c r="B13" s="738">
        <v>15000000</v>
      </c>
      <c r="C13" s="881"/>
      <c r="D13" s="738">
        <v>20826215.109999999</v>
      </c>
      <c r="E13" s="881"/>
      <c r="F13" s="738">
        <v>6076432.8500000006</v>
      </c>
      <c r="G13" s="881"/>
      <c r="H13" s="738">
        <v>2568632.2199999997</v>
      </c>
      <c r="I13" s="739"/>
      <c r="J13" s="176"/>
    </row>
    <row r="14" spans="1:10" s="76" customFormat="1" ht="10.5" x14ac:dyDescent="0.2">
      <c r="A14" s="176" t="s">
        <v>8</v>
      </c>
      <c r="B14" s="744">
        <v>15000000</v>
      </c>
      <c r="C14" s="784">
        <v>0</v>
      </c>
      <c r="D14" s="744">
        <v>20826215.109999999</v>
      </c>
      <c r="E14" s="784">
        <v>0</v>
      </c>
      <c r="F14" s="744">
        <v>6076432.8500000006</v>
      </c>
      <c r="G14" s="784">
        <v>0</v>
      </c>
      <c r="H14" s="744">
        <v>2568632.2199999997</v>
      </c>
      <c r="I14" s="745">
        <v>0</v>
      </c>
      <c r="J14" s="176"/>
    </row>
    <row r="15" spans="1:10" ht="10.5" x14ac:dyDescent="0.2">
      <c r="A15" s="305" t="s">
        <v>128</v>
      </c>
      <c r="B15" s="728">
        <v>15000000</v>
      </c>
      <c r="C15" s="783">
        <v>0</v>
      </c>
      <c r="D15" s="728">
        <v>18715952.66</v>
      </c>
      <c r="E15" s="783">
        <v>0</v>
      </c>
      <c r="F15" s="728">
        <v>3966170.4000000004</v>
      </c>
      <c r="G15" s="783">
        <v>0</v>
      </c>
      <c r="H15" s="728">
        <v>2109444.16</v>
      </c>
      <c r="I15" s="729">
        <v>0</v>
      </c>
    </row>
    <row r="16" spans="1:10" ht="10.5" x14ac:dyDescent="0.2">
      <c r="A16" s="305" t="s">
        <v>283</v>
      </c>
      <c r="B16" s="728">
        <v>6000000</v>
      </c>
      <c r="C16" s="783">
        <v>0</v>
      </c>
      <c r="D16" s="728">
        <v>9715952.6600000001</v>
      </c>
      <c r="E16" s="783">
        <v>0</v>
      </c>
      <c r="F16" s="728">
        <v>3715952.66</v>
      </c>
      <c r="G16" s="783">
        <v>0</v>
      </c>
      <c r="H16" s="728">
        <v>2092318.35</v>
      </c>
      <c r="I16" s="729">
        <v>0</v>
      </c>
    </row>
    <row r="17" spans="1:9" ht="10.5" x14ac:dyDescent="0.2">
      <c r="A17" s="305" t="s">
        <v>129</v>
      </c>
      <c r="B17" s="728"/>
      <c r="C17" s="783"/>
      <c r="D17" s="728">
        <v>3715952.66</v>
      </c>
      <c r="E17" s="783"/>
      <c r="F17" s="728">
        <v>3715952.66</v>
      </c>
      <c r="G17" s="783"/>
      <c r="H17" s="728">
        <v>2092318.35</v>
      </c>
      <c r="I17" s="729"/>
    </row>
    <row r="18" spans="1:9" ht="10.5" x14ac:dyDescent="0.2">
      <c r="A18" s="305" t="s">
        <v>130</v>
      </c>
      <c r="B18" s="728">
        <v>5000000</v>
      </c>
      <c r="C18" s="783"/>
      <c r="D18" s="728">
        <v>5000000</v>
      </c>
      <c r="E18" s="783"/>
      <c r="F18" s="728">
        <v>0</v>
      </c>
      <c r="G18" s="783"/>
      <c r="H18" s="728"/>
      <c r="I18" s="729"/>
    </row>
    <row r="19" spans="1:9" ht="10.5" x14ac:dyDescent="0.2">
      <c r="A19" s="305" t="s">
        <v>131</v>
      </c>
      <c r="B19" s="728">
        <v>1000000</v>
      </c>
      <c r="C19" s="783"/>
      <c r="D19" s="728">
        <v>1000000</v>
      </c>
      <c r="E19" s="783"/>
      <c r="F19" s="728">
        <v>0</v>
      </c>
      <c r="G19" s="783"/>
      <c r="H19" s="728"/>
      <c r="I19" s="729"/>
    </row>
    <row r="20" spans="1:9" ht="10.5" x14ac:dyDescent="0.2">
      <c r="A20" s="305" t="s">
        <v>284</v>
      </c>
      <c r="B20" s="728">
        <v>9000000</v>
      </c>
      <c r="C20" s="783">
        <v>0</v>
      </c>
      <c r="D20" s="728">
        <v>9000000</v>
      </c>
      <c r="E20" s="783">
        <v>0</v>
      </c>
      <c r="F20" s="728">
        <v>250217.74</v>
      </c>
      <c r="G20" s="783">
        <v>0</v>
      </c>
      <c r="H20" s="728">
        <v>17125.810000000001</v>
      </c>
      <c r="I20" s="729">
        <v>0</v>
      </c>
    </row>
    <row r="21" spans="1:9" ht="10.5" x14ac:dyDescent="0.2">
      <c r="A21" s="305" t="s">
        <v>132</v>
      </c>
      <c r="B21" s="728">
        <v>8000000</v>
      </c>
      <c r="C21" s="783"/>
      <c r="D21" s="728">
        <v>8000000</v>
      </c>
      <c r="E21" s="783"/>
      <c r="F21" s="728">
        <v>250217.74</v>
      </c>
      <c r="G21" s="783"/>
      <c r="H21" s="728">
        <v>17125.810000000001</v>
      </c>
      <c r="I21" s="729"/>
    </row>
    <row r="22" spans="1:9" ht="10.5" x14ac:dyDescent="0.2">
      <c r="A22" s="305" t="s">
        <v>133</v>
      </c>
      <c r="B22" s="728">
        <v>1000000</v>
      </c>
      <c r="C22" s="783"/>
      <c r="D22" s="728">
        <v>1000000</v>
      </c>
      <c r="E22" s="783"/>
      <c r="F22" s="728">
        <v>0</v>
      </c>
      <c r="G22" s="783"/>
      <c r="H22" s="728"/>
      <c r="I22" s="729"/>
    </row>
    <row r="23" spans="1:9" ht="10.5" x14ac:dyDescent="0.2">
      <c r="A23" s="305" t="s">
        <v>757</v>
      </c>
      <c r="B23" s="728"/>
      <c r="C23" s="783"/>
      <c r="D23" s="728">
        <v>0</v>
      </c>
      <c r="E23" s="783"/>
      <c r="F23" s="728">
        <v>0</v>
      </c>
      <c r="G23" s="783"/>
      <c r="H23" s="728"/>
      <c r="I23" s="729"/>
    </row>
    <row r="24" spans="1:9" ht="10.5" x14ac:dyDescent="0.2">
      <c r="A24" s="305" t="s">
        <v>155</v>
      </c>
      <c r="B24" s="728"/>
      <c r="C24" s="783"/>
      <c r="D24" s="728">
        <v>251523.98</v>
      </c>
      <c r="E24" s="783"/>
      <c r="F24" s="728">
        <v>251523.98</v>
      </c>
      <c r="G24" s="783"/>
      <c r="H24" s="728">
        <v>3474.32</v>
      </c>
      <c r="I24" s="729"/>
    </row>
    <row r="25" spans="1:9" ht="10.5" x14ac:dyDescent="0.2">
      <c r="A25" s="305" t="s">
        <v>312</v>
      </c>
      <c r="B25" s="728">
        <v>0</v>
      </c>
      <c r="C25" s="783">
        <v>0</v>
      </c>
      <c r="D25" s="728">
        <v>1858738.47</v>
      </c>
      <c r="E25" s="783">
        <v>0</v>
      </c>
      <c r="F25" s="728">
        <v>1858738.47</v>
      </c>
      <c r="G25" s="783">
        <v>0</v>
      </c>
      <c r="H25" s="728">
        <v>455713.74</v>
      </c>
      <c r="I25" s="729">
        <v>0</v>
      </c>
    </row>
    <row r="26" spans="1:9" ht="10.5" x14ac:dyDescent="0.2">
      <c r="A26" s="305" t="s">
        <v>16</v>
      </c>
      <c r="B26" s="728"/>
      <c r="C26" s="783"/>
      <c r="D26" s="728">
        <v>0</v>
      </c>
      <c r="E26" s="783"/>
      <c r="F26" s="728">
        <v>0</v>
      </c>
      <c r="G26" s="783"/>
      <c r="H26" s="728"/>
      <c r="I26" s="729"/>
    </row>
    <row r="27" spans="1:9" ht="10.5" x14ac:dyDescent="0.2">
      <c r="A27" s="305" t="s">
        <v>17</v>
      </c>
      <c r="B27" s="728"/>
      <c r="C27" s="783"/>
      <c r="D27" s="728">
        <v>1858738.47</v>
      </c>
      <c r="E27" s="783"/>
      <c r="F27" s="728">
        <v>1858738.47</v>
      </c>
      <c r="G27" s="783"/>
      <c r="H27" s="728">
        <v>455713.74</v>
      </c>
      <c r="I27" s="729"/>
    </row>
    <row r="28" spans="1:9" ht="10.5" x14ac:dyDescent="0.2">
      <c r="A28" s="305" t="s">
        <v>19</v>
      </c>
      <c r="B28" s="728"/>
      <c r="C28" s="783"/>
      <c r="D28" s="728">
        <v>0</v>
      </c>
      <c r="E28" s="783"/>
      <c r="F28" s="728">
        <v>0</v>
      </c>
      <c r="G28" s="783"/>
      <c r="H28" s="728"/>
      <c r="I28" s="729"/>
    </row>
    <row r="29" spans="1:9" ht="10.5" x14ac:dyDescent="0.2">
      <c r="A29" s="305" t="s">
        <v>227</v>
      </c>
      <c r="B29" s="728"/>
      <c r="C29" s="783"/>
      <c r="D29" s="728">
        <v>0</v>
      </c>
      <c r="E29" s="783"/>
      <c r="F29" s="728">
        <v>0</v>
      </c>
      <c r="G29" s="783"/>
      <c r="H29" s="728"/>
      <c r="I29" s="729"/>
    </row>
    <row r="30" spans="1:9" ht="10.5" x14ac:dyDescent="0.2">
      <c r="A30" s="64" t="s">
        <v>285</v>
      </c>
      <c r="B30" s="728">
        <v>0</v>
      </c>
      <c r="C30" s="783">
        <v>0</v>
      </c>
      <c r="D30" s="728">
        <v>0</v>
      </c>
      <c r="E30" s="783">
        <v>0</v>
      </c>
      <c r="F30" s="728">
        <v>0</v>
      </c>
      <c r="G30" s="783">
        <v>0</v>
      </c>
      <c r="H30" s="728">
        <v>0</v>
      </c>
      <c r="I30" s="729">
        <v>0</v>
      </c>
    </row>
    <row r="31" spans="1:9" ht="10.5" x14ac:dyDescent="0.2">
      <c r="A31" s="140" t="s">
        <v>547</v>
      </c>
      <c r="B31" s="728"/>
      <c r="C31" s="783"/>
      <c r="D31" s="728">
        <v>0</v>
      </c>
      <c r="E31" s="783"/>
      <c r="F31" s="728">
        <v>0</v>
      </c>
      <c r="G31" s="783"/>
      <c r="H31" s="728"/>
      <c r="I31" s="729"/>
    </row>
    <row r="32" spans="1:9" ht="10.5" x14ac:dyDescent="0.2">
      <c r="A32" s="140" t="s">
        <v>548</v>
      </c>
      <c r="B32" s="728"/>
      <c r="C32" s="783"/>
      <c r="D32" s="728">
        <v>0</v>
      </c>
      <c r="E32" s="783"/>
      <c r="F32" s="728">
        <v>0</v>
      </c>
      <c r="G32" s="783"/>
      <c r="H32" s="728"/>
      <c r="I32" s="729"/>
    </row>
    <row r="33" spans="1:10" s="76" customFormat="1" ht="10.5" x14ac:dyDescent="0.2">
      <c r="A33" s="177" t="s">
        <v>40</v>
      </c>
      <c r="B33" s="728">
        <v>0</v>
      </c>
      <c r="C33" s="783">
        <v>0</v>
      </c>
      <c r="D33" s="728">
        <v>0</v>
      </c>
      <c r="E33" s="783">
        <v>0</v>
      </c>
      <c r="F33" s="728">
        <v>0</v>
      </c>
      <c r="G33" s="783">
        <v>0</v>
      </c>
      <c r="H33" s="728">
        <v>0</v>
      </c>
      <c r="I33" s="729">
        <v>0</v>
      </c>
      <c r="J33" s="176"/>
    </row>
    <row r="34" spans="1:10" ht="10.5" x14ac:dyDescent="0.2">
      <c r="A34" s="140" t="s">
        <v>120</v>
      </c>
      <c r="B34" s="728"/>
      <c r="C34" s="783"/>
      <c r="D34" s="728">
        <v>0</v>
      </c>
      <c r="E34" s="783"/>
      <c r="F34" s="728">
        <v>0</v>
      </c>
      <c r="G34" s="783"/>
      <c r="H34" s="728"/>
      <c r="I34" s="729"/>
    </row>
    <row r="35" spans="1:10" ht="10.5" x14ac:dyDescent="0.2">
      <c r="A35" s="305" t="s">
        <v>228</v>
      </c>
      <c r="B35" s="728"/>
      <c r="C35" s="783"/>
      <c r="D35" s="728">
        <v>0</v>
      </c>
      <c r="E35" s="783"/>
      <c r="F35" s="728">
        <v>0</v>
      </c>
      <c r="G35" s="783"/>
      <c r="H35" s="728"/>
      <c r="I35" s="729"/>
    </row>
    <row r="36" spans="1:10" ht="10.5" x14ac:dyDescent="0.2">
      <c r="A36" s="140" t="s">
        <v>286</v>
      </c>
      <c r="B36" s="728"/>
      <c r="C36" s="783"/>
      <c r="D36" s="728">
        <v>0</v>
      </c>
      <c r="E36" s="783"/>
      <c r="F36" s="728">
        <v>0</v>
      </c>
      <c r="G36" s="783"/>
      <c r="H36" s="728"/>
      <c r="I36" s="729"/>
    </row>
    <row r="37" spans="1:10" s="173" customFormat="1" ht="10.5" x14ac:dyDescent="0.2">
      <c r="A37" s="76"/>
      <c r="B37" s="728"/>
      <c r="C37" s="783"/>
      <c r="D37" s="728">
        <v>0</v>
      </c>
      <c r="E37" s="783"/>
      <c r="F37" s="728">
        <v>0</v>
      </c>
      <c r="G37" s="783"/>
      <c r="H37" s="728"/>
      <c r="I37" s="729"/>
      <c r="J37" s="243"/>
    </row>
    <row r="38" spans="1:10" s="76" customFormat="1" ht="15" customHeight="1" x14ac:dyDescent="0.2">
      <c r="A38" s="178" t="s">
        <v>549</v>
      </c>
      <c r="B38" s="789">
        <v>15495000</v>
      </c>
      <c r="C38" s="879"/>
      <c r="D38" s="789">
        <v>15544447.77</v>
      </c>
      <c r="E38" s="879"/>
      <c r="F38" s="789">
        <v>9168320.8500000015</v>
      </c>
      <c r="G38" s="879"/>
      <c r="H38" s="789">
        <v>4224831.2799999993</v>
      </c>
      <c r="I38" s="790"/>
      <c r="J38" s="176"/>
    </row>
    <row r="39" spans="1:10" ht="18.75" customHeight="1" x14ac:dyDescent="0.2">
      <c r="A39" s="141" t="s">
        <v>776</v>
      </c>
      <c r="B39" s="755">
        <v>30495000</v>
      </c>
      <c r="C39" s="855">
        <v>0</v>
      </c>
      <c r="D39" s="755">
        <v>36370662.879999995</v>
      </c>
      <c r="E39" s="855">
        <v>0</v>
      </c>
      <c r="F39" s="827">
        <v>15244753.700000003</v>
      </c>
      <c r="G39" s="828">
        <v>0</v>
      </c>
      <c r="H39" s="755">
        <v>6793463.4999999991</v>
      </c>
      <c r="I39" s="756">
        <v>0</v>
      </c>
    </row>
    <row r="40" spans="1:10" ht="10.5" x14ac:dyDescent="0.2">
      <c r="A40" s="142"/>
      <c r="B40" s="139"/>
      <c r="C40" s="139"/>
      <c r="D40" s="17"/>
      <c r="E40" s="139"/>
      <c r="F40" s="84"/>
      <c r="G40" s="84"/>
      <c r="H40" s="29"/>
      <c r="I40" s="29"/>
    </row>
    <row r="41" spans="1:10" ht="30" customHeight="1" x14ac:dyDescent="0.15">
      <c r="A41" s="822" t="s">
        <v>160</v>
      </c>
      <c r="B41" s="224" t="s">
        <v>157</v>
      </c>
      <c r="C41" s="224" t="s">
        <v>157</v>
      </c>
      <c r="D41" s="766" t="s">
        <v>158</v>
      </c>
      <c r="E41" s="768"/>
      <c r="F41" s="859" t="s">
        <v>159</v>
      </c>
      <c r="G41" s="858"/>
      <c r="H41" s="859" t="s">
        <v>348</v>
      </c>
      <c r="I41" s="857"/>
    </row>
    <row r="42" spans="1:10" ht="15" customHeight="1" x14ac:dyDescent="0.2">
      <c r="A42" s="825"/>
      <c r="B42" s="842" t="s">
        <v>111</v>
      </c>
      <c r="C42" s="842" t="s">
        <v>112</v>
      </c>
      <c r="D42" s="365" t="s">
        <v>115</v>
      </c>
      <c r="E42" s="365" t="s">
        <v>115</v>
      </c>
      <c r="F42" s="365" t="s">
        <v>115</v>
      </c>
      <c r="G42" s="365" t="s">
        <v>115</v>
      </c>
      <c r="H42" s="877" t="s">
        <v>754</v>
      </c>
      <c r="I42" s="871" t="s">
        <v>755</v>
      </c>
    </row>
    <row r="43" spans="1:10" ht="15" customHeight="1" x14ac:dyDescent="0.2">
      <c r="A43" s="826"/>
      <c r="B43" s="824"/>
      <c r="C43" s="824"/>
      <c r="D43" s="370">
        <v>2015</v>
      </c>
      <c r="E43" s="369">
        <v>2014</v>
      </c>
      <c r="F43" s="370">
        <v>2015</v>
      </c>
      <c r="G43" s="369">
        <v>2014</v>
      </c>
      <c r="H43" s="878"/>
      <c r="I43" s="847"/>
    </row>
    <row r="44" spans="1:10" s="76" customFormat="1" ht="10.5" x14ac:dyDescent="0.2">
      <c r="A44" s="179" t="s">
        <v>134</v>
      </c>
      <c r="B44" s="343">
        <v>30495000</v>
      </c>
      <c r="C44" s="343">
        <v>30495000</v>
      </c>
      <c r="D44" s="343">
        <v>215518.93</v>
      </c>
      <c r="E44" s="343">
        <v>228627</v>
      </c>
      <c r="F44" s="343">
        <v>64518.93</v>
      </c>
      <c r="G44" s="343">
        <v>155371.09</v>
      </c>
      <c r="H44" s="343">
        <v>0</v>
      </c>
      <c r="I44" s="344">
        <v>0</v>
      </c>
      <c r="J44" s="176"/>
    </row>
    <row r="45" spans="1:10" s="76" customFormat="1" ht="10.5" x14ac:dyDescent="0.2">
      <c r="A45" s="76" t="s">
        <v>281</v>
      </c>
      <c r="B45" s="345">
        <v>28960200</v>
      </c>
      <c r="C45" s="345">
        <v>29266200</v>
      </c>
      <c r="D45" s="358">
        <v>0</v>
      </c>
      <c r="E45" s="358">
        <v>0</v>
      </c>
      <c r="F45" s="358">
        <v>0</v>
      </c>
      <c r="G45" s="358">
        <v>0</v>
      </c>
      <c r="H45" s="358">
        <v>0</v>
      </c>
      <c r="I45" s="375">
        <v>0</v>
      </c>
      <c r="J45" s="176"/>
    </row>
    <row r="46" spans="1:10" ht="10.5" x14ac:dyDescent="0.2">
      <c r="A46" s="30" t="s">
        <v>287</v>
      </c>
      <c r="B46" s="345">
        <v>28960200</v>
      </c>
      <c r="C46" s="345">
        <v>29266200</v>
      </c>
      <c r="D46" s="358"/>
      <c r="E46" s="358">
        <v>0</v>
      </c>
      <c r="F46" s="358"/>
      <c r="G46" s="358"/>
      <c r="H46" s="358">
        <v>0</v>
      </c>
      <c r="I46" s="375">
        <v>0</v>
      </c>
    </row>
    <row r="47" spans="1:10" ht="10.5" x14ac:dyDescent="0.2">
      <c r="A47" s="30" t="s">
        <v>288</v>
      </c>
      <c r="B47" s="345">
        <v>0</v>
      </c>
      <c r="C47" s="358">
        <v>0</v>
      </c>
      <c r="D47" s="358"/>
      <c r="E47" s="358">
        <v>0</v>
      </c>
      <c r="F47" s="358"/>
      <c r="G47" s="358"/>
      <c r="H47" s="358">
        <v>0</v>
      </c>
      <c r="I47" s="375">
        <v>0</v>
      </c>
    </row>
    <row r="48" spans="1:10" s="76" customFormat="1" ht="10.5" x14ac:dyDescent="0.2">
      <c r="A48" s="334" t="s">
        <v>135</v>
      </c>
      <c r="B48" s="358">
        <v>1534800</v>
      </c>
      <c r="C48" s="358">
        <v>1228800</v>
      </c>
      <c r="D48" s="358">
        <v>215518.93</v>
      </c>
      <c r="E48" s="358">
        <v>228627</v>
      </c>
      <c r="F48" s="358">
        <v>64518.93</v>
      </c>
      <c r="G48" s="358">
        <v>155371.09</v>
      </c>
      <c r="H48" s="358">
        <v>0</v>
      </c>
      <c r="I48" s="375">
        <v>0</v>
      </c>
      <c r="J48" s="176"/>
    </row>
    <row r="49" spans="1:10" ht="10.5" x14ac:dyDescent="0.2">
      <c r="A49" s="30" t="s">
        <v>201</v>
      </c>
      <c r="B49" s="345">
        <v>632400</v>
      </c>
      <c r="C49" s="345">
        <v>1228800</v>
      </c>
      <c r="D49" s="345">
        <v>215518.93</v>
      </c>
      <c r="E49" s="345">
        <v>228627</v>
      </c>
      <c r="F49" s="345">
        <v>64518.93</v>
      </c>
      <c r="G49" s="345">
        <v>155371.09</v>
      </c>
      <c r="H49" s="345">
        <v>0</v>
      </c>
      <c r="I49" s="346">
        <v>0</v>
      </c>
    </row>
    <row r="50" spans="1:10" ht="10.5" x14ac:dyDescent="0.2">
      <c r="A50" s="30" t="s">
        <v>289</v>
      </c>
      <c r="B50" s="345">
        <v>74400</v>
      </c>
      <c r="C50" s="345">
        <v>1013281.0700000001</v>
      </c>
      <c r="D50" s="358">
        <v>0</v>
      </c>
      <c r="E50" s="358">
        <v>0</v>
      </c>
      <c r="F50" s="358">
        <v>0</v>
      </c>
      <c r="G50" s="358">
        <v>0</v>
      </c>
      <c r="H50" s="358">
        <v>0</v>
      </c>
      <c r="I50" s="346">
        <v>0</v>
      </c>
    </row>
    <row r="51" spans="1:10" ht="10.5" x14ac:dyDescent="0.15">
      <c r="A51" s="30" t="s">
        <v>290</v>
      </c>
      <c r="B51" s="649">
        <v>78000</v>
      </c>
      <c r="C51" s="345">
        <v>0</v>
      </c>
      <c r="D51" s="358">
        <v>0</v>
      </c>
      <c r="E51" s="358">
        <v>0</v>
      </c>
      <c r="F51" s="358">
        <v>0</v>
      </c>
      <c r="G51" s="358">
        <v>0</v>
      </c>
      <c r="H51" s="358">
        <v>0</v>
      </c>
      <c r="I51" s="346">
        <v>0</v>
      </c>
    </row>
    <row r="52" spans="1:10" ht="10.5" x14ac:dyDescent="0.15">
      <c r="A52" s="30" t="s">
        <v>291</v>
      </c>
      <c r="B52" s="386">
        <v>480000</v>
      </c>
      <c r="C52" s="345">
        <v>215518.93</v>
      </c>
      <c r="D52" s="345">
        <v>215518.93</v>
      </c>
      <c r="E52" s="345">
        <v>228627</v>
      </c>
      <c r="F52" s="345">
        <v>64518.93</v>
      </c>
      <c r="G52" s="345">
        <v>155371.09</v>
      </c>
      <c r="H52" s="345">
        <v>0</v>
      </c>
      <c r="I52" s="346">
        <v>0</v>
      </c>
    </row>
    <row r="53" spans="1:10" ht="10.5" x14ac:dyDescent="0.2">
      <c r="A53" s="30" t="s">
        <v>202</v>
      </c>
      <c r="B53" s="246">
        <v>902400</v>
      </c>
      <c r="C53" s="345">
        <v>0</v>
      </c>
      <c r="D53" s="358">
        <v>0</v>
      </c>
      <c r="E53" s="358">
        <v>0</v>
      </c>
      <c r="F53" s="358">
        <v>0</v>
      </c>
      <c r="G53" s="358">
        <v>0</v>
      </c>
      <c r="H53" s="358">
        <v>0</v>
      </c>
      <c r="I53" s="375">
        <v>0</v>
      </c>
    </row>
    <row r="54" spans="1:10" ht="10.5" x14ac:dyDescent="0.15">
      <c r="A54" s="30" t="s">
        <v>292</v>
      </c>
      <c r="B54" s="386">
        <v>44400</v>
      </c>
      <c r="C54" s="345">
        <v>0</v>
      </c>
      <c r="D54" s="358">
        <v>0</v>
      </c>
      <c r="E54" s="358">
        <v>0</v>
      </c>
      <c r="F54" s="358">
        <v>0</v>
      </c>
      <c r="G54" s="358">
        <v>0</v>
      </c>
      <c r="H54" s="358">
        <v>0</v>
      </c>
      <c r="I54" s="375">
        <v>0</v>
      </c>
    </row>
    <row r="55" spans="1:10" ht="10.5" x14ac:dyDescent="0.15">
      <c r="A55" s="30" t="s">
        <v>290</v>
      </c>
      <c r="B55" s="386">
        <v>18000</v>
      </c>
      <c r="C55" s="345">
        <v>0</v>
      </c>
      <c r="D55" s="358"/>
      <c r="E55" s="358">
        <v>0</v>
      </c>
      <c r="F55" s="358">
        <v>0</v>
      </c>
      <c r="G55" s="358">
        <v>0</v>
      </c>
      <c r="H55" s="358">
        <v>0</v>
      </c>
      <c r="I55" s="375">
        <v>0</v>
      </c>
    </row>
    <row r="56" spans="1:10" ht="10.5" x14ac:dyDescent="0.15">
      <c r="A56" s="30" t="s">
        <v>291</v>
      </c>
      <c r="B56" s="386">
        <v>840000</v>
      </c>
      <c r="C56" s="358">
        <v>0</v>
      </c>
      <c r="D56" s="358">
        <v>0</v>
      </c>
      <c r="E56" s="358">
        <v>0</v>
      </c>
      <c r="F56" s="358">
        <v>0</v>
      </c>
      <c r="G56" s="358">
        <v>0</v>
      </c>
      <c r="H56" s="358">
        <v>0</v>
      </c>
      <c r="I56" s="375">
        <v>0</v>
      </c>
    </row>
    <row r="57" spans="1:10" ht="10.5" x14ac:dyDescent="0.2">
      <c r="A57" s="30" t="s">
        <v>293</v>
      </c>
      <c r="B57" s="246">
        <v>0</v>
      </c>
      <c r="C57" s="358">
        <v>0</v>
      </c>
      <c r="D57" s="358">
        <v>0</v>
      </c>
      <c r="E57" s="358">
        <v>0</v>
      </c>
      <c r="F57" s="358">
        <v>0</v>
      </c>
      <c r="G57" s="358">
        <v>0</v>
      </c>
      <c r="H57" s="358">
        <v>0</v>
      </c>
      <c r="I57" s="375">
        <v>0</v>
      </c>
    </row>
    <row r="58" spans="1:10" ht="10.5" x14ac:dyDescent="0.15">
      <c r="A58" s="30" t="s">
        <v>229</v>
      </c>
      <c r="B58" s="386">
        <v>0</v>
      </c>
      <c r="C58" s="358">
        <v>0</v>
      </c>
      <c r="D58" s="358">
        <v>0</v>
      </c>
      <c r="E58" s="358">
        <v>0</v>
      </c>
      <c r="F58" s="358">
        <v>0</v>
      </c>
      <c r="G58" s="358">
        <v>0</v>
      </c>
      <c r="H58" s="358">
        <v>0</v>
      </c>
      <c r="I58" s="375">
        <v>0</v>
      </c>
    </row>
    <row r="59" spans="1:10" ht="10.5" x14ac:dyDescent="0.15">
      <c r="A59" s="30" t="s">
        <v>60</v>
      </c>
      <c r="B59" s="386">
        <v>0</v>
      </c>
      <c r="C59" s="358">
        <v>0</v>
      </c>
      <c r="D59" s="358">
        <v>0</v>
      </c>
      <c r="E59" s="358">
        <v>0</v>
      </c>
      <c r="F59" s="358">
        <v>0</v>
      </c>
      <c r="G59" s="358">
        <v>0</v>
      </c>
      <c r="H59" s="358">
        <v>0</v>
      </c>
      <c r="I59" s="375">
        <v>0</v>
      </c>
    </row>
    <row r="60" spans="1:10" s="76" customFormat="1" ht="15" customHeight="1" x14ac:dyDescent="0.2">
      <c r="A60" s="390" t="s">
        <v>550</v>
      </c>
      <c r="B60" s="389">
        <v>0</v>
      </c>
      <c r="C60" s="358">
        <v>0</v>
      </c>
      <c r="D60" s="358">
        <v>0</v>
      </c>
      <c r="E60" s="358">
        <v>0</v>
      </c>
      <c r="F60" s="358">
        <v>0</v>
      </c>
      <c r="G60" s="358">
        <v>0</v>
      </c>
      <c r="H60" s="358">
        <v>0</v>
      </c>
      <c r="I60" s="375">
        <v>0</v>
      </c>
      <c r="J60" s="176"/>
    </row>
    <row r="61" spans="1:10" s="76" customFormat="1" ht="15" customHeight="1" x14ac:dyDescent="0.2">
      <c r="A61" s="31" t="s">
        <v>758</v>
      </c>
      <c r="B61" s="377">
        <v>30495000</v>
      </c>
      <c r="C61" s="377">
        <v>30495000</v>
      </c>
      <c r="D61" s="377">
        <v>215518.93</v>
      </c>
      <c r="E61" s="377">
        <v>228627</v>
      </c>
      <c r="F61" s="377">
        <v>64518.93</v>
      </c>
      <c r="G61" s="377">
        <v>155371.09</v>
      </c>
      <c r="H61" s="377">
        <v>0</v>
      </c>
      <c r="I61" s="387">
        <v>0</v>
      </c>
      <c r="J61" s="176"/>
    </row>
    <row r="62" spans="1:10" s="22" customFormat="1" ht="10.5" x14ac:dyDescent="0.2">
      <c r="A62" s="144"/>
      <c r="B62" s="362"/>
      <c r="C62" s="362"/>
      <c r="D62" s="362"/>
      <c r="E62" s="362"/>
      <c r="F62" s="388"/>
      <c r="G62" s="388"/>
      <c r="H62" s="388"/>
      <c r="I62" s="388"/>
      <c r="J62" s="243"/>
    </row>
    <row r="63" spans="1:10" s="76" customFormat="1" ht="15" customHeight="1" x14ac:dyDescent="0.2">
      <c r="A63" s="31" t="s">
        <v>551</v>
      </c>
      <c r="B63" s="377">
        <v>0</v>
      </c>
      <c r="C63" s="377">
        <v>5875662.8799999952</v>
      </c>
      <c r="D63" s="377"/>
      <c r="E63" s="377"/>
      <c r="F63" s="377">
        <v>15180234.770000003</v>
      </c>
      <c r="G63" s="377">
        <v>6638092.4099999992</v>
      </c>
      <c r="H63" s="377"/>
      <c r="I63" s="387"/>
      <c r="J63" s="176"/>
    </row>
    <row r="64" spans="1:10" ht="10.5" x14ac:dyDescent="0.2">
      <c r="A64" s="35"/>
      <c r="B64" s="32"/>
      <c r="C64" s="32"/>
      <c r="D64" s="32"/>
      <c r="E64" s="32"/>
      <c r="F64" s="243"/>
      <c r="G64" s="243"/>
      <c r="H64" s="243"/>
      <c r="I64" s="243"/>
    </row>
    <row r="65" spans="1:10" ht="12.75" customHeight="1" x14ac:dyDescent="0.15">
      <c r="A65" s="856" t="s">
        <v>552</v>
      </c>
      <c r="B65" s="875" t="s">
        <v>108</v>
      </c>
      <c r="C65" s="876"/>
      <c r="D65" s="875" t="s">
        <v>108</v>
      </c>
      <c r="E65" s="876"/>
      <c r="F65" s="871" t="s">
        <v>109</v>
      </c>
      <c r="G65" s="865"/>
      <c r="H65" s="865"/>
      <c r="I65" s="865"/>
    </row>
    <row r="66" spans="1:10" ht="10.5" x14ac:dyDescent="0.2">
      <c r="A66" s="846"/>
      <c r="B66" s="845" t="s">
        <v>111</v>
      </c>
      <c r="C66" s="846"/>
      <c r="D66" s="849" t="s">
        <v>112</v>
      </c>
      <c r="E66" s="825"/>
      <c r="F66" s="820" t="s">
        <v>115</v>
      </c>
      <c r="G66" s="822"/>
      <c r="H66" s="820" t="s">
        <v>115</v>
      </c>
      <c r="I66" s="821"/>
    </row>
    <row r="67" spans="1:10" ht="10.5" x14ac:dyDescent="0.2">
      <c r="A67" s="848"/>
      <c r="B67" s="847"/>
      <c r="C67" s="848"/>
      <c r="D67" s="850"/>
      <c r="E67" s="826"/>
      <c r="F67" s="845">
        <v>2015</v>
      </c>
      <c r="G67" s="846"/>
      <c r="H67" s="849">
        <v>2014</v>
      </c>
      <c r="I67" s="851"/>
    </row>
    <row r="68" spans="1:10" s="76" customFormat="1" ht="10.5" x14ac:dyDescent="0.2">
      <c r="A68" s="181" t="s">
        <v>136</v>
      </c>
      <c r="B68" s="817">
        <v>0</v>
      </c>
      <c r="C68" s="883">
        <v>0</v>
      </c>
      <c r="D68" s="817">
        <v>0</v>
      </c>
      <c r="E68" s="883">
        <v>0</v>
      </c>
      <c r="F68" s="872">
        <v>0</v>
      </c>
      <c r="G68" s="874">
        <v>0</v>
      </c>
      <c r="H68" s="872">
        <v>0</v>
      </c>
      <c r="I68" s="873">
        <v>0</v>
      </c>
      <c r="J68" s="176"/>
    </row>
    <row r="69" spans="1:10" s="76" customFormat="1" ht="10.5" x14ac:dyDescent="0.2">
      <c r="A69" s="181" t="s">
        <v>137</v>
      </c>
      <c r="B69" s="728">
        <v>0</v>
      </c>
      <c r="C69" s="783"/>
      <c r="D69" s="728">
        <v>0</v>
      </c>
      <c r="E69" s="783"/>
      <c r="F69" s="834">
        <v>0</v>
      </c>
      <c r="G69" s="835"/>
      <c r="H69" s="834">
        <v>0</v>
      </c>
      <c r="I69" s="838"/>
      <c r="J69" s="176"/>
    </row>
    <row r="70" spans="1:10" ht="10.5" x14ac:dyDescent="0.2">
      <c r="A70" s="136" t="s">
        <v>138</v>
      </c>
      <c r="B70" s="728"/>
      <c r="C70" s="783"/>
      <c r="D70" s="728">
        <v>0</v>
      </c>
      <c r="E70" s="783"/>
      <c r="F70" s="834"/>
      <c r="G70" s="835"/>
      <c r="H70" s="834">
        <v>0</v>
      </c>
      <c r="I70" s="838"/>
    </row>
    <row r="71" spans="1:10" ht="10.5" x14ac:dyDescent="0.2">
      <c r="A71" s="136" t="s">
        <v>139</v>
      </c>
      <c r="B71" s="728"/>
      <c r="C71" s="783"/>
      <c r="D71" s="728">
        <v>0</v>
      </c>
      <c r="E71" s="783"/>
      <c r="F71" s="834"/>
      <c r="G71" s="835"/>
      <c r="H71" s="834">
        <v>0</v>
      </c>
      <c r="I71" s="838"/>
    </row>
    <row r="72" spans="1:10" ht="10.5" x14ac:dyDescent="0.2">
      <c r="A72" s="136" t="s">
        <v>140</v>
      </c>
      <c r="B72" s="728"/>
      <c r="C72" s="783"/>
      <c r="D72" s="728">
        <v>0</v>
      </c>
      <c r="E72" s="783"/>
      <c r="F72" s="834"/>
      <c r="G72" s="835"/>
      <c r="H72" s="834">
        <v>0</v>
      </c>
      <c r="I72" s="838"/>
    </row>
    <row r="73" spans="1:10" s="76" customFormat="1" ht="10.5" x14ac:dyDescent="0.2">
      <c r="A73" s="181" t="s">
        <v>141</v>
      </c>
      <c r="B73" s="728">
        <v>0</v>
      </c>
      <c r="C73" s="783"/>
      <c r="D73" s="728">
        <v>0</v>
      </c>
      <c r="E73" s="783"/>
      <c r="F73" s="834">
        <v>0</v>
      </c>
      <c r="G73" s="835"/>
      <c r="H73" s="834">
        <v>0</v>
      </c>
      <c r="I73" s="838"/>
      <c r="J73" s="176"/>
    </row>
    <row r="74" spans="1:10" ht="10.5" x14ac:dyDescent="0.2">
      <c r="A74" s="136" t="s">
        <v>142</v>
      </c>
      <c r="B74" s="728"/>
      <c r="C74" s="783"/>
      <c r="D74" s="728">
        <v>0</v>
      </c>
      <c r="E74" s="783"/>
      <c r="F74" s="834"/>
      <c r="G74" s="835"/>
      <c r="H74" s="834">
        <v>0</v>
      </c>
      <c r="I74" s="838"/>
    </row>
    <row r="75" spans="1:10" ht="10.5" x14ac:dyDescent="0.2">
      <c r="A75" s="136" t="s">
        <v>143</v>
      </c>
      <c r="B75" s="728"/>
      <c r="C75" s="783"/>
      <c r="D75" s="728">
        <v>0</v>
      </c>
      <c r="E75" s="783"/>
      <c r="F75" s="834"/>
      <c r="G75" s="835"/>
      <c r="H75" s="834">
        <v>0</v>
      </c>
      <c r="I75" s="838"/>
    </row>
    <row r="76" spans="1:10" ht="10.5" x14ac:dyDescent="0.2">
      <c r="A76" s="138" t="s">
        <v>140</v>
      </c>
      <c r="B76" s="815"/>
      <c r="C76" s="837"/>
      <c r="D76" s="815">
        <v>0</v>
      </c>
      <c r="E76" s="837"/>
      <c r="F76" s="832"/>
      <c r="G76" s="836"/>
      <c r="H76" s="832">
        <v>0</v>
      </c>
      <c r="I76" s="833"/>
    </row>
    <row r="77" spans="1:10" ht="10.5" x14ac:dyDescent="0.2">
      <c r="A77" s="366"/>
      <c r="B77" s="366"/>
      <c r="C77" s="366"/>
      <c r="D77" s="215"/>
      <c r="E77" s="215"/>
      <c r="F77" s="215"/>
      <c r="G77" s="78"/>
      <c r="H77" s="78"/>
      <c r="I77" s="78"/>
    </row>
    <row r="78" spans="1:10" ht="15" customHeight="1" x14ac:dyDescent="0.2">
      <c r="A78" s="857" t="s">
        <v>144</v>
      </c>
      <c r="B78" s="857"/>
      <c r="C78" s="858"/>
      <c r="D78" s="859" t="s">
        <v>122</v>
      </c>
      <c r="E78" s="857"/>
      <c r="F78" s="857"/>
      <c r="G78" s="857"/>
      <c r="H78" s="857"/>
      <c r="I78" s="857"/>
    </row>
    <row r="79" spans="1:10" s="76" customFormat="1" ht="15" customHeight="1" x14ac:dyDescent="0.2">
      <c r="A79" s="843" t="s">
        <v>209</v>
      </c>
      <c r="B79" s="843"/>
      <c r="C79" s="844"/>
      <c r="D79" s="867"/>
      <c r="E79" s="868"/>
      <c r="F79" s="868"/>
      <c r="G79" s="868"/>
      <c r="H79" s="868"/>
      <c r="I79" s="868"/>
      <c r="J79" s="176"/>
    </row>
    <row r="80" spans="1:10" ht="10.5" x14ac:dyDescent="0.2">
      <c r="A80" s="368"/>
      <c r="B80" s="368"/>
      <c r="C80" s="368"/>
      <c r="D80" s="367"/>
      <c r="E80" s="367"/>
      <c r="F80" s="367"/>
      <c r="G80" s="84"/>
      <c r="H80" s="84"/>
      <c r="I80" s="84"/>
    </row>
    <row r="81" spans="1:10" ht="15" customHeight="1" x14ac:dyDescent="0.2">
      <c r="A81" s="865" t="s">
        <v>553</v>
      </c>
      <c r="B81" s="865"/>
      <c r="C81" s="856"/>
      <c r="D81" s="871" t="s">
        <v>208</v>
      </c>
      <c r="E81" s="865"/>
      <c r="F81" s="865"/>
      <c r="G81" s="865"/>
      <c r="H81" s="865"/>
      <c r="I81" s="865"/>
    </row>
    <row r="82" spans="1:10" ht="15.75" customHeight="1" x14ac:dyDescent="0.2">
      <c r="A82" s="866"/>
      <c r="B82" s="866"/>
      <c r="C82" s="848"/>
      <c r="D82" s="859">
        <v>2015</v>
      </c>
      <c r="E82" s="857"/>
      <c r="F82" s="858"/>
      <c r="G82" s="857">
        <v>2014</v>
      </c>
      <c r="H82" s="857"/>
      <c r="I82" s="857"/>
    </row>
    <row r="83" spans="1:10" s="76" customFormat="1" ht="10.5" x14ac:dyDescent="0.2">
      <c r="A83" s="869" t="s">
        <v>123</v>
      </c>
      <c r="B83" s="869"/>
      <c r="C83" s="870"/>
      <c r="D83" s="872"/>
      <c r="E83" s="873"/>
      <c r="F83" s="874"/>
      <c r="G83" s="872">
        <v>0</v>
      </c>
      <c r="H83" s="873"/>
      <c r="I83" s="873"/>
      <c r="J83" s="176"/>
    </row>
    <row r="84" spans="1:10" s="76" customFormat="1" ht="10.5" x14ac:dyDescent="0.2">
      <c r="A84" s="861" t="s">
        <v>124</v>
      </c>
      <c r="B84" s="861"/>
      <c r="C84" s="862"/>
      <c r="D84" s="834">
        <v>78240.649999999994</v>
      </c>
      <c r="E84" s="838"/>
      <c r="F84" s="835"/>
      <c r="G84" s="834"/>
      <c r="H84" s="838"/>
      <c r="I84" s="838"/>
      <c r="J84" s="176"/>
    </row>
    <row r="85" spans="1:10" s="76" customFormat="1" ht="10.5" x14ac:dyDescent="0.2">
      <c r="A85" s="861" t="s">
        <v>125</v>
      </c>
      <c r="B85" s="861"/>
      <c r="C85" s="862"/>
      <c r="D85" s="834">
        <v>54778661.329999998</v>
      </c>
      <c r="E85" s="838"/>
      <c r="F85" s="835"/>
      <c r="G85" s="834">
        <v>14416974.77</v>
      </c>
      <c r="H85" s="838"/>
      <c r="I85" s="838"/>
      <c r="J85" s="176"/>
    </row>
    <row r="86" spans="1:10" s="76" customFormat="1" ht="10.5" x14ac:dyDescent="0.2">
      <c r="A86" s="863" t="s">
        <v>126</v>
      </c>
      <c r="B86" s="863"/>
      <c r="C86" s="864"/>
      <c r="D86" s="832"/>
      <c r="E86" s="833"/>
      <c r="F86" s="836"/>
      <c r="G86" s="832">
        <v>0</v>
      </c>
      <c r="H86" s="833"/>
      <c r="I86" s="833"/>
      <c r="J86" s="176"/>
    </row>
    <row r="87" spans="1:10" s="22" customFormat="1" ht="10.5" x14ac:dyDescent="0.2">
      <c r="A87" s="205"/>
      <c r="B87" s="205"/>
      <c r="C87" s="137"/>
      <c r="D87" s="860"/>
      <c r="E87" s="860"/>
      <c r="F87" s="366"/>
      <c r="G87" s="137"/>
      <c r="H87" s="84"/>
      <c r="I87" s="84"/>
      <c r="J87" s="243"/>
    </row>
    <row r="88" spans="1:10" ht="15" customHeight="1" x14ac:dyDescent="0.15">
      <c r="A88" s="822" t="s">
        <v>145</v>
      </c>
      <c r="B88" s="875" t="s">
        <v>108</v>
      </c>
      <c r="C88" s="876"/>
      <c r="D88" s="875" t="s">
        <v>108</v>
      </c>
      <c r="E88" s="876"/>
      <c r="F88" s="871" t="s">
        <v>109</v>
      </c>
      <c r="G88" s="865"/>
      <c r="H88" s="865"/>
      <c r="I88" s="865"/>
    </row>
    <row r="89" spans="1:10" ht="15" customHeight="1" x14ac:dyDescent="0.2">
      <c r="A89" s="825"/>
      <c r="B89" s="845" t="s">
        <v>111</v>
      </c>
      <c r="C89" s="846"/>
      <c r="D89" s="849" t="s">
        <v>112</v>
      </c>
      <c r="E89" s="825"/>
      <c r="F89" s="820" t="s">
        <v>115</v>
      </c>
      <c r="G89" s="822"/>
      <c r="H89" s="820" t="s">
        <v>115</v>
      </c>
      <c r="I89" s="821"/>
    </row>
    <row r="90" spans="1:10" ht="15" customHeight="1" x14ac:dyDescent="0.2">
      <c r="A90" s="826"/>
      <c r="B90" s="847"/>
      <c r="C90" s="848"/>
      <c r="D90" s="850"/>
      <c r="E90" s="826"/>
      <c r="F90" s="847">
        <v>2015</v>
      </c>
      <c r="G90" s="848"/>
      <c r="H90" s="850">
        <v>2014</v>
      </c>
      <c r="I90" s="882"/>
    </row>
    <row r="91" spans="1:10" s="76" customFormat="1" ht="10.5" x14ac:dyDescent="0.2">
      <c r="A91" s="176" t="s">
        <v>147</v>
      </c>
      <c r="B91" s="738">
        <v>15495000</v>
      </c>
      <c r="C91" s="881">
        <v>0</v>
      </c>
      <c r="D91" s="738">
        <v>15544447.77</v>
      </c>
      <c r="E91" s="881">
        <v>0</v>
      </c>
      <c r="F91" s="738">
        <v>9168320.8500000015</v>
      </c>
      <c r="G91" s="881">
        <v>0</v>
      </c>
      <c r="H91" s="738">
        <v>4224831.2799999993</v>
      </c>
      <c r="I91" s="739">
        <v>0</v>
      </c>
      <c r="J91" s="176"/>
    </row>
    <row r="92" spans="1:10" s="76" customFormat="1" ht="10.5" x14ac:dyDescent="0.2">
      <c r="A92" s="305" t="s">
        <v>178</v>
      </c>
      <c r="B92" s="728">
        <v>15495000</v>
      </c>
      <c r="C92" s="783"/>
      <c r="D92" s="728">
        <v>15495000</v>
      </c>
      <c r="E92" s="783"/>
      <c r="F92" s="728">
        <v>9118873.0800000019</v>
      </c>
      <c r="G92" s="783"/>
      <c r="H92" s="728">
        <v>4224831.2799999993</v>
      </c>
      <c r="I92" s="729"/>
      <c r="J92" s="176"/>
    </row>
    <row r="93" spans="1:10" ht="10.5" x14ac:dyDescent="0.2">
      <c r="A93" s="305" t="s">
        <v>146</v>
      </c>
      <c r="B93" s="728">
        <v>13495000</v>
      </c>
      <c r="C93" s="783"/>
      <c r="D93" s="728">
        <v>13495000</v>
      </c>
      <c r="E93" s="783"/>
      <c r="F93" s="728">
        <v>9030136.6900000013</v>
      </c>
      <c r="G93" s="783"/>
      <c r="H93" s="728">
        <v>4224831.2799999993</v>
      </c>
      <c r="I93" s="729"/>
    </row>
    <row r="94" spans="1:10" ht="10.5" x14ac:dyDescent="0.2">
      <c r="A94" s="305" t="s">
        <v>283</v>
      </c>
      <c r="B94" s="728">
        <v>9495000</v>
      </c>
      <c r="C94" s="783"/>
      <c r="D94" s="728">
        <v>9495000</v>
      </c>
      <c r="E94" s="783"/>
      <c r="F94" s="728">
        <v>5788309.1100000003</v>
      </c>
      <c r="G94" s="783"/>
      <c r="H94" s="728">
        <v>4183351.28</v>
      </c>
      <c r="I94" s="729"/>
    </row>
    <row r="95" spans="1:10" ht="10.5" x14ac:dyDescent="0.2">
      <c r="A95" s="305" t="s">
        <v>129</v>
      </c>
      <c r="B95" s="728">
        <v>9495000</v>
      </c>
      <c r="C95" s="783"/>
      <c r="D95" s="728">
        <v>9495000</v>
      </c>
      <c r="E95" s="783"/>
      <c r="F95" s="728">
        <v>5788309.1100000003</v>
      </c>
      <c r="G95" s="783"/>
      <c r="H95" s="728">
        <v>4183351.28</v>
      </c>
      <c r="I95" s="729"/>
    </row>
    <row r="96" spans="1:10" ht="10.5" x14ac:dyDescent="0.2">
      <c r="A96" s="305" t="s">
        <v>130</v>
      </c>
      <c r="B96" s="728">
        <v>0</v>
      </c>
      <c r="C96" s="783"/>
      <c r="D96" s="728">
        <v>0</v>
      </c>
      <c r="E96" s="783"/>
      <c r="F96" s="728"/>
      <c r="G96" s="783"/>
      <c r="H96" s="728">
        <v>0</v>
      </c>
      <c r="I96" s="729"/>
    </row>
    <row r="97" spans="1:10" ht="10.5" x14ac:dyDescent="0.2">
      <c r="A97" s="305" t="s">
        <v>131</v>
      </c>
      <c r="B97" s="728">
        <v>0</v>
      </c>
      <c r="C97" s="783"/>
      <c r="D97" s="728">
        <v>0</v>
      </c>
      <c r="E97" s="783"/>
      <c r="F97" s="728"/>
      <c r="G97" s="783"/>
      <c r="H97" s="728">
        <v>0</v>
      </c>
      <c r="I97" s="729"/>
    </row>
    <row r="98" spans="1:10" ht="10.5" x14ac:dyDescent="0.2">
      <c r="A98" s="305" t="s">
        <v>284</v>
      </c>
      <c r="B98" s="728">
        <v>4000000</v>
      </c>
      <c r="C98" s="783"/>
      <c r="D98" s="728">
        <v>4000000</v>
      </c>
      <c r="E98" s="783"/>
      <c r="F98" s="728">
        <v>3241827.58</v>
      </c>
      <c r="G98" s="783"/>
      <c r="H98" s="728">
        <v>41480</v>
      </c>
      <c r="I98" s="729"/>
    </row>
    <row r="99" spans="1:10" ht="10.5" x14ac:dyDescent="0.2">
      <c r="A99" s="305" t="s">
        <v>132</v>
      </c>
      <c r="B99" s="728">
        <v>4000000</v>
      </c>
      <c r="C99" s="783"/>
      <c r="D99" s="728">
        <v>4000000</v>
      </c>
      <c r="E99" s="783"/>
      <c r="F99" s="728">
        <v>3241827.58</v>
      </c>
      <c r="G99" s="783"/>
      <c r="H99" s="728">
        <v>41480</v>
      </c>
      <c r="I99" s="729"/>
    </row>
    <row r="100" spans="1:10" ht="10.5" x14ac:dyDescent="0.2">
      <c r="A100" s="305" t="s">
        <v>133</v>
      </c>
      <c r="B100" s="728">
        <v>0</v>
      </c>
      <c r="C100" s="783"/>
      <c r="D100" s="728">
        <v>0</v>
      </c>
      <c r="E100" s="783"/>
      <c r="F100" s="728"/>
      <c r="G100" s="783"/>
      <c r="H100" s="728">
        <v>0</v>
      </c>
      <c r="I100" s="729"/>
    </row>
    <row r="101" spans="1:10" ht="10.5" x14ac:dyDescent="0.2">
      <c r="A101" s="305" t="s">
        <v>757</v>
      </c>
      <c r="B101" s="728">
        <v>0</v>
      </c>
      <c r="C101" s="783"/>
      <c r="D101" s="728">
        <v>0</v>
      </c>
      <c r="E101" s="783"/>
      <c r="F101" s="728"/>
      <c r="G101" s="783"/>
      <c r="H101" s="728">
        <v>0</v>
      </c>
      <c r="I101" s="729"/>
    </row>
    <row r="102" spans="1:10" ht="10.5" x14ac:dyDescent="0.2">
      <c r="A102" s="305" t="s">
        <v>778</v>
      </c>
      <c r="B102" s="728">
        <v>2000000</v>
      </c>
      <c r="C102" s="783"/>
      <c r="D102" s="728">
        <v>2000000</v>
      </c>
      <c r="E102" s="783"/>
      <c r="F102" s="728">
        <v>88736.39</v>
      </c>
      <c r="G102" s="783"/>
      <c r="H102" s="728">
        <v>0</v>
      </c>
      <c r="I102" s="729"/>
    </row>
    <row r="103" spans="1:10" ht="10.5" x14ac:dyDescent="0.2">
      <c r="A103" s="305" t="s">
        <v>779</v>
      </c>
      <c r="B103" s="728">
        <v>0</v>
      </c>
      <c r="C103" s="783"/>
      <c r="D103" s="728">
        <v>0</v>
      </c>
      <c r="E103" s="783"/>
      <c r="F103" s="728"/>
      <c r="G103" s="783"/>
      <c r="H103" s="728">
        <v>0</v>
      </c>
      <c r="I103" s="729"/>
    </row>
    <row r="104" spans="1:10" ht="10.5" x14ac:dyDescent="0.2">
      <c r="A104" s="305" t="s">
        <v>179</v>
      </c>
      <c r="B104" s="728">
        <v>0</v>
      </c>
      <c r="C104" s="783"/>
      <c r="D104" s="728">
        <v>0</v>
      </c>
      <c r="E104" s="783"/>
      <c r="F104" s="728"/>
      <c r="G104" s="783"/>
      <c r="H104" s="728">
        <v>0</v>
      </c>
      <c r="I104" s="729"/>
    </row>
    <row r="105" spans="1:10" ht="10.5" x14ac:dyDescent="0.2">
      <c r="A105" s="305" t="s">
        <v>186</v>
      </c>
      <c r="B105" s="728">
        <v>0</v>
      </c>
      <c r="C105" s="783"/>
      <c r="D105" s="728">
        <v>0</v>
      </c>
      <c r="E105" s="783"/>
      <c r="F105" s="728"/>
      <c r="G105" s="783"/>
      <c r="H105" s="728">
        <v>0</v>
      </c>
      <c r="I105" s="729"/>
    </row>
    <row r="106" spans="1:10" ht="10.5" x14ac:dyDescent="0.2">
      <c r="A106" s="305" t="s">
        <v>183</v>
      </c>
      <c r="B106" s="728">
        <v>0</v>
      </c>
      <c r="C106" s="783"/>
      <c r="D106" s="728">
        <v>49447.77</v>
      </c>
      <c r="E106" s="783"/>
      <c r="F106" s="728">
        <v>49447.77</v>
      </c>
      <c r="G106" s="783"/>
      <c r="H106" s="728">
        <v>0</v>
      </c>
      <c r="I106" s="729"/>
    </row>
    <row r="107" spans="1:10" s="76" customFormat="1" ht="10.5" x14ac:dyDescent="0.2">
      <c r="A107" s="76" t="s">
        <v>148</v>
      </c>
      <c r="B107" s="728">
        <v>0</v>
      </c>
      <c r="C107" s="783">
        <v>0</v>
      </c>
      <c r="D107" s="728">
        <v>0</v>
      </c>
      <c r="E107" s="783"/>
      <c r="F107" s="728">
        <v>0</v>
      </c>
      <c r="G107" s="783"/>
      <c r="H107" s="728">
        <v>0</v>
      </c>
      <c r="I107" s="729"/>
      <c r="J107" s="176"/>
    </row>
    <row r="108" spans="1:10" ht="10.5" x14ac:dyDescent="0.2">
      <c r="A108" s="140" t="s">
        <v>120</v>
      </c>
      <c r="B108" s="728">
        <v>0</v>
      </c>
      <c r="C108" s="783"/>
      <c r="D108" s="728">
        <v>0</v>
      </c>
      <c r="E108" s="783"/>
      <c r="F108" s="728"/>
      <c r="G108" s="783"/>
      <c r="H108" s="728">
        <v>0</v>
      </c>
      <c r="I108" s="729"/>
    </row>
    <row r="109" spans="1:10" ht="10.5" x14ac:dyDescent="0.2">
      <c r="A109" s="305" t="s">
        <v>228</v>
      </c>
      <c r="B109" s="728">
        <v>0</v>
      </c>
      <c r="C109" s="783"/>
      <c r="D109" s="728">
        <v>0</v>
      </c>
      <c r="E109" s="783"/>
      <c r="F109" s="728"/>
      <c r="G109" s="783"/>
      <c r="H109" s="728">
        <v>0</v>
      </c>
      <c r="I109" s="729"/>
    </row>
    <row r="110" spans="1:10" ht="10.5" x14ac:dyDescent="0.2">
      <c r="A110" s="140" t="s">
        <v>286</v>
      </c>
      <c r="B110" s="728">
        <v>0</v>
      </c>
      <c r="C110" s="783"/>
      <c r="D110" s="728">
        <v>0</v>
      </c>
      <c r="E110" s="783"/>
      <c r="F110" s="728"/>
      <c r="G110" s="783"/>
      <c r="H110" s="728">
        <v>0</v>
      </c>
      <c r="I110" s="729"/>
    </row>
    <row r="111" spans="1:10" s="173" customFormat="1" ht="10.5" x14ac:dyDescent="0.2">
      <c r="A111" s="76"/>
      <c r="B111" s="728"/>
      <c r="C111" s="783"/>
      <c r="D111" s="815"/>
      <c r="E111" s="837"/>
      <c r="F111" s="815"/>
      <c r="G111" s="837"/>
      <c r="H111" s="815"/>
      <c r="I111" s="816"/>
      <c r="J111" s="243"/>
    </row>
    <row r="112" spans="1:10" s="184" customFormat="1" ht="21.75" customHeight="1" x14ac:dyDescent="0.2">
      <c r="A112" s="185" t="s">
        <v>777</v>
      </c>
      <c r="B112" s="755">
        <v>15495000</v>
      </c>
      <c r="C112" s="855"/>
      <c r="D112" s="755">
        <v>15544447.77</v>
      </c>
      <c r="E112" s="855"/>
      <c r="F112" s="755">
        <v>9168320.8500000015</v>
      </c>
      <c r="G112" s="756"/>
      <c r="H112" s="755">
        <v>4224831.2799999993</v>
      </c>
      <c r="I112" s="756"/>
      <c r="J112" s="606"/>
    </row>
    <row r="113" spans="1:10" ht="10.5" x14ac:dyDescent="0.15">
      <c r="A113" s="220"/>
      <c r="B113" s="221"/>
      <c r="C113" s="221"/>
      <c r="D113" s="222"/>
      <c r="E113" s="222"/>
      <c r="F113" s="222"/>
      <c r="G113" s="223"/>
      <c r="H113" s="223"/>
      <c r="I113" s="223"/>
    </row>
    <row r="114" spans="1:10" ht="33" customHeight="1" x14ac:dyDescent="0.15">
      <c r="A114" s="216"/>
      <c r="B114" s="224" t="s">
        <v>157</v>
      </c>
      <c r="C114" s="224" t="s">
        <v>157</v>
      </c>
      <c r="D114" s="766" t="s">
        <v>158</v>
      </c>
      <c r="E114" s="768"/>
      <c r="F114" s="859" t="s">
        <v>159</v>
      </c>
      <c r="G114" s="858"/>
      <c r="H114" s="859" t="s">
        <v>348</v>
      </c>
      <c r="I114" s="857"/>
    </row>
    <row r="115" spans="1:10" ht="15" customHeight="1" x14ac:dyDescent="0.2">
      <c r="A115" s="218" t="s">
        <v>149</v>
      </c>
      <c r="B115" s="842" t="s">
        <v>111</v>
      </c>
      <c r="C115" s="842" t="s">
        <v>112</v>
      </c>
      <c r="D115" s="365" t="s">
        <v>115</v>
      </c>
      <c r="E115" s="365" t="s">
        <v>115</v>
      </c>
      <c r="F115" s="365" t="s">
        <v>115</v>
      </c>
      <c r="G115" s="365" t="s">
        <v>115</v>
      </c>
      <c r="H115" s="877" t="s">
        <v>754</v>
      </c>
      <c r="I115" s="871" t="s">
        <v>755</v>
      </c>
    </row>
    <row r="116" spans="1:10" ht="15" customHeight="1" x14ac:dyDescent="0.2">
      <c r="A116" s="217"/>
      <c r="B116" s="824"/>
      <c r="C116" s="824"/>
      <c r="D116" s="370">
        <v>2015</v>
      </c>
      <c r="E116" s="369">
        <v>2014</v>
      </c>
      <c r="F116" s="370">
        <v>2015</v>
      </c>
      <c r="G116" s="369">
        <v>2014</v>
      </c>
      <c r="H116" s="878"/>
      <c r="I116" s="847"/>
    </row>
    <row r="117" spans="1:10" s="76" customFormat="1" ht="12.75" customHeight="1" x14ac:dyDescent="0.2">
      <c r="A117" s="182" t="s">
        <v>150</v>
      </c>
      <c r="B117" s="384">
        <v>0</v>
      </c>
      <c r="C117" s="384">
        <v>0</v>
      </c>
      <c r="D117" s="384">
        <v>0</v>
      </c>
      <c r="E117" s="384">
        <v>0</v>
      </c>
      <c r="F117" s="384">
        <v>0</v>
      </c>
      <c r="G117" s="384">
        <v>0</v>
      </c>
      <c r="H117" s="384">
        <v>0</v>
      </c>
      <c r="I117" s="385">
        <v>0</v>
      </c>
      <c r="J117" s="176"/>
    </row>
    <row r="118" spans="1:10" ht="10.5" x14ac:dyDescent="0.2">
      <c r="A118" s="33" t="s">
        <v>204</v>
      </c>
      <c r="B118" s="345"/>
      <c r="C118" s="345"/>
      <c r="D118" s="345"/>
      <c r="E118" s="345"/>
      <c r="F118" s="345"/>
      <c r="G118" s="345"/>
      <c r="H118" s="345"/>
      <c r="I118" s="362"/>
    </row>
    <row r="119" spans="1:10" ht="10.5" x14ac:dyDescent="0.2">
      <c r="A119" s="34" t="s">
        <v>205</v>
      </c>
      <c r="B119" s="345"/>
      <c r="C119" s="345"/>
      <c r="D119" s="345"/>
      <c r="E119" s="345"/>
      <c r="F119" s="345"/>
      <c r="G119" s="345"/>
      <c r="H119" s="345"/>
      <c r="I119" s="362"/>
    </row>
    <row r="120" spans="1:10" s="76" customFormat="1" ht="15" customHeight="1" x14ac:dyDescent="0.2">
      <c r="A120" s="16" t="s">
        <v>151</v>
      </c>
      <c r="B120" s="377">
        <v>0</v>
      </c>
      <c r="C120" s="377">
        <v>0</v>
      </c>
      <c r="D120" s="377">
        <v>0</v>
      </c>
      <c r="E120" s="377">
        <v>0</v>
      </c>
      <c r="F120" s="377">
        <v>0</v>
      </c>
      <c r="G120" s="377">
        <v>0</v>
      </c>
      <c r="H120" s="377">
        <v>0</v>
      </c>
      <c r="I120" s="387">
        <v>0</v>
      </c>
      <c r="J120" s="176"/>
    </row>
    <row r="121" spans="1:10" ht="14.25" customHeight="1" x14ac:dyDescent="0.2">
      <c r="A121" s="205" t="s">
        <v>877</v>
      </c>
      <c r="B121" s="175"/>
      <c r="C121" s="175"/>
      <c r="D121" s="175"/>
      <c r="E121" s="175"/>
      <c r="I121" s="337"/>
    </row>
    <row r="122" spans="1:10" s="22" customFormat="1" ht="11.25" customHeight="1" x14ac:dyDescent="0.2">
      <c r="A122" s="243"/>
      <c r="J122" s="243"/>
    </row>
    <row r="124" spans="1:10" s="305" customFormat="1" ht="11.25" customHeight="1" x14ac:dyDescent="0.2">
      <c r="J124" s="243"/>
    </row>
    <row r="125" spans="1:10" s="305" customFormat="1" ht="11.25" customHeight="1" x14ac:dyDescent="0.2">
      <c r="J125" s="243"/>
    </row>
    <row r="128" spans="1:10" ht="11.25" customHeight="1" x14ac:dyDescent="0.2">
      <c r="A128" s="305"/>
      <c r="B128" s="305"/>
      <c r="C128" s="305"/>
      <c r="D128" s="305"/>
      <c r="E128" s="305"/>
      <c r="F128" s="305"/>
      <c r="G128" s="305"/>
      <c r="H128" s="305"/>
      <c r="I128" s="305"/>
    </row>
    <row r="129" spans="1:9" ht="11.25" customHeight="1" x14ac:dyDescent="0.2">
      <c r="A129" s="305"/>
      <c r="B129" s="305"/>
      <c r="C129" s="305"/>
      <c r="D129" s="305"/>
      <c r="E129" s="305"/>
      <c r="F129" s="305"/>
      <c r="G129" s="305"/>
      <c r="H129" s="305"/>
      <c r="I129" s="305"/>
    </row>
    <row r="130" spans="1:9" ht="11.25" customHeight="1" x14ac:dyDescent="0.2">
      <c r="A130" s="305"/>
      <c r="B130" s="305"/>
      <c r="C130" s="305"/>
      <c r="D130" s="305"/>
      <c r="E130" s="305"/>
      <c r="F130" s="305"/>
      <c r="G130" s="305"/>
      <c r="H130" s="305"/>
      <c r="I130" s="305"/>
    </row>
    <row r="131" spans="1:9" ht="11.25" customHeight="1" x14ac:dyDescent="0.2">
      <c r="A131" s="305"/>
      <c r="B131" s="305"/>
      <c r="C131" s="305"/>
      <c r="D131" s="305"/>
      <c r="E131" s="305"/>
      <c r="F131" s="305"/>
      <c r="G131" s="305"/>
      <c r="H131" s="305"/>
      <c r="I131" s="305"/>
    </row>
    <row r="132" spans="1:9" ht="11.25" customHeight="1" x14ac:dyDescent="0.2">
      <c r="A132" s="305"/>
      <c r="B132" s="305"/>
      <c r="C132" s="305"/>
      <c r="D132" s="305"/>
      <c r="E132" s="305"/>
      <c r="F132" s="305"/>
      <c r="G132" s="305"/>
      <c r="H132" s="305"/>
      <c r="I132" s="305"/>
    </row>
    <row r="133" spans="1:9" ht="11.25" customHeight="1" x14ac:dyDescent="0.2">
      <c r="A133" s="305"/>
      <c r="B133" s="305"/>
      <c r="C133" s="305"/>
      <c r="D133" s="305"/>
      <c r="E133" s="305"/>
      <c r="F133" s="305"/>
      <c r="G133" s="305"/>
      <c r="H133" s="305"/>
      <c r="I133" s="305"/>
    </row>
    <row r="134" spans="1:9" ht="11.25" customHeight="1" x14ac:dyDescent="0.2">
      <c r="A134" s="305"/>
      <c r="B134" s="305"/>
      <c r="C134" s="305"/>
      <c r="D134" s="305"/>
      <c r="E134" s="305"/>
      <c r="F134" s="305"/>
      <c r="G134" s="305"/>
      <c r="H134" s="305"/>
      <c r="I134" s="305"/>
    </row>
    <row r="135" spans="1:9" ht="11.25" customHeight="1" x14ac:dyDescent="0.2">
      <c r="A135" s="305"/>
      <c r="B135" s="305"/>
      <c r="C135" s="305"/>
      <c r="D135" s="305"/>
      <c r="E135" s="305"/>
      <c r="F135" s="305"/>
      <c r="G135" s="305"/>
      <c r="H135" s="305"/>
      <c r="I135" s="305"/>
    </row>
    <row r="136" spans="1:9" ht="11.25" customHeight="1" x14ac:dyDescent="0.2">
      <c r="A136" s="305"/>
      <c r="B136" s="305"/>
      <c r="C136" s="305"/>
      <c r="D136" s="305"/>
      <c r="E136" s="305"/>
      <c r="F136" s="305"/>
      <c r="G136" s="305"/>
      <c r="H136" s="305"/>
      <c r="I136" s="305"/>
    </row>
    <row r="137" spans="1:9" ht="11.25" customHeight="1" x14ac:dyDescent="0.2">
      <c r="A137" s="305"/>
      <c r="B137" s="305"/>
      <c r="C137" s="305"/>
      <c r="D137" s="305"/>
      <c r="E137" s="305"/>
      <c r="F137" s="305"/>
      <c r="G137" s="305"/>
      <c r="H137" s="305"/>
      <c r="I137" s="305"/>
    </row>
    <row r="138" spans="1:9" ht="11.25" customHeight="1" x14ac:dyDescent="0.2">
      <c r="A138" s="305"/>
      <c r="B138" s="305"/>
      <c r="C138" s="305"/>
      <c r="D138" s="305"/>
      <c r="E138" s="305"/>
      <c r="F138" s="305"/>
      <c r="G138" s="305"/>
      <c r="H138" s="305"/>
      <c r="I138" s="305"/>
    </row>
    <row r="139" spans="1:9" ht="11.25" customHeight="1" x14ac:dyDescent="0.2">
      <c r="A139" s="305"/>
      <c r="B139" s="305"/>
      <c r="C139" s="305"/>
      <c r="D139" s="305"/>
      <c r="E139" s="305"/>
      <c r="F139" s="305"/>
      <c r="G139" s="305"/>
      <c r="H139" s="305"/>
      <c r="I139" s="305"/>
    </row>
    <row r="140" spans="1:9" ht="11.25" customHeight="1" x14ac:dyDescent="0.2">
      <c r="A140" s="305"/>
      <c r="B140" s="305"/>
      <c r="C140" s="305"/>
      <c r="D140" s="305"/>
      <c r="E140" s="305"/>
      <c r="F140" s="305"/>
      <c r="G140" s="305"/>
      <c r="H140" s="305"/>
      <c r="I140" s="305"/>
    </row>
    <row r="141" spans="1:9" ht="11.25" customHeight="1" x14ac:dyDescent="0.2">
      <c r="A141" s="305"/>
      <c r="B141" s="305"/>
      <c r="C141" s="305"/>
      <c r="D141" s="305"/>
      <c r="E141" s="305"/>
      <c r="F141" s="305"/>
      <c r="G141" s="305"/>
      <c r="H141" s="305"/>
      <c r="I141" s="305"/>
    </row>
    <row r="142" spans="1:9" ht="11.25" customHeight="1" x14ac:dyDescent="0.2">
      <c r="A142" s="305"/>
      <c r="B142" s="305"/>
      <c r="C142" s="305"/>
      <c r="D142" s="305"/>
      <c r="E142" s="305"/>
      <c r="F142" s="305"/>
      <c r="G142" s="305"/>
      <c r="H142" s="305"/>
      <c r="I142" s="305"/>
    </row>
  </sheetData>
  <dataConsolidate/>
  <customSheetViews>
    <customSheetView guid="{6DBFA32C-4AA4-4E1D-9A48-697377C64CC3}" showPageBreaks="1" showGridLines="0" fitToPage="1" printArea="1">
      <selection activeCell="M51" sqref="M51"/>
      <pageMargins left="0.19685039370078741" right="0.19685039370078741" top="0.39370078740157483" bottom="0.19685039370078741" header="0" footer="0"/>
      <printOptions horizontalCentered="1"/>
      <pageSetup paperSize="9" scale="46" orientation="portrait" r:id="rId1"/>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2"/>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3"/>
      <headerFooter alignWithMargins="0"/>
    </customSheetView>
    <customSheetView guid="{82EDB5A4-4824-4632-A540-7A52C92F04C7}" showPageBreaks="1" showGridLines="0" fitToPage="1" printArea="1" topLeftCell="A79">
      <selection activeCell="A2" sqref="A2:I133"/>
      <pageMargins left="0.19685039370078741" right="0.19685039370078741" top="0.59055118110236227" bottom="0.19685039370078741" header="0" footer="0"/>
      <printOptions horizontalCentered="1"/>
      <pageSetup paperSize="9" scale="48" orientation="portrait" r:id="rId4"/>
      <headerFooter alignWithMargins="0"/>
    </customSheetView>
    <customSheetView guid="{3AAF6A5F-F9AA-430B-9AD9-1261ECDF41B5}" showPageBreaks="1" showGridLines="0" fitToPage="1" printArea="1" topLeftCell="A106">
      <selection activeCell="A122" sqref="A122"/>
      <pageMargins left="0.39370078740157483" right="0.39370078740157483" top="0.98425196850393704" bottom="0.98425196850393704" header="0" footer="0.19685039370078741"/>
      <printOptions horizontalCentered="1"/>
      <pageSetup paperSize="9" scale="45" orientation="portrait" r:id="rId5"/>
      <headerFooter alignWithMargins="0"/>
    </customSheetView>
    <customSheetView guid="{C779D862-DE28-46CD-A428-4AAA1056D1E1}" showGridLines="0" fitToPage="1">
      <selection activeCell="A122" sqref="A122"/>
      <pageMargins left="0.19685039370078741" right="0.19685039370078741" top="0.59055118110236227" bottom="0.19685039370078741" header="0" footer="0"/>
      <printOptions horizontalCentered="1"/>
      <pageSetup paperSize="9" scale="47" orientation="portrait" r:id="rId6"/>
      <headerFooter alignWithMargins="0"/>
    </customSheetView>
    <customSheetView guid="{25EF1E0D-169B-4051-B414-7E1196FC05E4}" showPageBreaks="1" showGridLines="0" fitToPage="1" printArea="1" topLeftCell="A7">
      <selection activeCell="A15" sqref="A15"/>
      <pageMargins left="0.19685039370078741" right="0.19685039370078741" top="0.19685039370078741" bottom="0.19685039370078741" header="0" footer="0"/>
      <printOptions horizontalCentered="1"/>
      <pageSetup paperSize="9" scale="47" orientation="portrait" r:id="rId7"/>
      <headerFooter alignWithMargins="0"/>
    </customSheetView>
  </customSheetViews>
  <mergeCells count="30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4:C14"/>
    <mergeCell ref="D13:E13"/>
    <mergeCell ref="F13:G13"/>
    <mergeCell ref="H13:I13"/>
    <mergeCell ref="D14:E14"/>
    <mergeCell ref="F14:G14"/>
    <mergeCell ref="H14:I14"/>
    <mergeCell ref="B15:C15"/>
    <mergeCell ref="D15:E15"/>
    <mergeCell ref="F15:G15"/>
    <mergeCell ref="H15:I15"/>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F31:G31"/>
    <mergeCell ref="H31:I31"/>
    <mergeCell ref="B32:C32"/>
    <mergeCell ref="D32:E32"/>
    <mergeCell ref="F32:G32"/>
    <mergeCell ref="H32:I32"/>
    <mergeCell ref="F29:G29"/>
    <mergeCell ref="H29:I29"/>
    <mergeCell ref="B30:C30"/>
    <mergeCell ref="D30:E30"/>
    <mergeCell ref="F30:G30"/>
    <mergeCell ref="H30:I30"/>
    <mergeCell ref="A65:A67"/>
    <mergeCell ref="H41:I41"/>
    <mergeCell ref="F41:G41"/>
    <mergeCell ref="D41:E41"/>
    <mergeCell ref="B37:C37"/>
    <mergeCell ref="D37:E37"/>
    <mergeCell ref="F37:G37"/>
    <mergeCell ref="H37:I37"/>
    <mergeCell ref="B38:C38"/>
    <mergeCell ref="D38:E38"/>
    <mergeCell ref="F38:G38"/>
    <mergeCell ref="A41:A43"/>
    <mergeCell ref="H67:I67"/>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69:C69"/>
    <mergeCell ref="D69:E69"/>
    <mergeCell ref="F69:G69"/>
    <mergeCell ref="H69:I69"/>
    <mergeCell ref="B70:C70"/>
    <mergeCell ref="D70:E70"/>
    <mergeCell ref="F70:G70"/>
    <mergeCell ref="H70:I70"/>
    <mergeCell ref="B71:C71"/>
    <mergeCell ref="D71:E71"/>
    <mergeCell ref="F71:G71"/>
    <mergeCell ref="H71:I71"/>
    <mergeCell ref="B72:C72"/>
    <mergeCell ref="D72:E72"/>
    <mergeCell ref="F72:G72"/>
    <mergeCell ref="H72:I72"/>
    <mergeCell ref="B73:C73"/>
    <mergeCell ref="D73:E73"/>
    <mergeCell ref="F73:G73"/>
    <mergeCell ref="H73:I73"/>
    <mergeCell ref="B74:C74"/>
    <mergeCell ref="D74:E74"/>
    <mergeCell ref="F74:G74"/>
    <mergeCell ref="H74:I74"/>
    <mergeCell ref="B75:C75"/>
    <mergeCell ref="D75:E75"/>
    <mergeCell ref="F75:G75"/>
    <mergeCell ref="H75:I75"/>
    <mergeCell ref="B76:C76"/>
    <mergeCell ref="D76:E76"/>
    <mergeCell ref="F76:G76"/>
    <mergeCell ref="H76:I76"/>
    <mergeCell ref="A78:C78"/>
    <mergeCell ref="D78:I78"/>
    <mergeCell ref="A79:C79"/>
    <mergeCell ref="D79:I79"/>
    <mergeCell ref="A81:C82"/>
    <mergeCell ref="D81:I81"/>
    <mergeCell ref="D82:F82"/>
    <mergeCell ref="G82:I82"/>
    <mergeCell ref="A86:C86"/>
    <mergeCell ref="D86:F86"/>
    <mergeCell ref="G86:I86"/>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s>
  <phoneticPr fontId="1" type="noConversion"/>
  <printOptions horizontalCentered="1"/>
  <pageMargins left="0.19685039370078741" right="0.19685039370078741" top="0.59055118110236227" bottom="0.19685039370078741" header="0" footer="0"/>
  <pageSetup paperSize="9" scale="47" orientation="portrait" r:id="rId8"/>
  <headerFooter alignWithMargins="0"/>
  <drawing r:id="rId9"/>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tabColor rgb="FF92D050"/>
    <pageSetUpPr fitToPage="1"/>
  </sheetPr>
  <dimension ref="A1:G66"/>
  <sheetViews>
    <sheetView showGridLines="0" zoomScaleNormal="100" workbookViewId="0"/>
  </sheetViews>
  <sheetFormatPr defaultRowHeight="11.25" customHeight="1" x14ac:dyDescent="0.2"/>
  <cols>
    <col min="1" max="1" width="65.140625" style="193" customWidth="1"/>
    <col min="2" max="6" width="14.140625" style="193" customWidth="1"/>
    <col min="7" max="7" width="16.42578125" style="193" customWidth="1"/>
    <col min="8" max="16384" width="9.140625" style="193"/>
  </cols>
  <sheetData>
    <row r="1" spans="1:7" s="30" customFormat="1" ht="10.5" x14ac:dyDescent="0.2">
      <c r="A1" s="334"/>
      <c r="B1" s="334"/>
      <c r="C1" s="334"/>
      <c r="D1" s="334"/>
      <c r="E1" s="334"/>
      <c r="F1" s="334"/>
      <c r="G1" s="334"/>
    </row>
    <row r="2" spans="1:7" s="30" customFormat="1" ht="10.5" x14ac:dyDescent="0.2">
      <c r="D2" s="129"/>
      <c r="E2" s="129"/>
    </row>
    <row r="3" spans="1:7" s="53" customFormat="1" ht="10.5" x14ac:dyDescent="0.2">
      <c r="A3" s="757" t="s">
        <v>643</v>
      </c>
      <c r="B3" s="757"/>
      <c r="C3" s="757"/>
      <c r="D3" s="757"/>
      <c r="E3" s="757"/>
      <c r="F3" s="757"/>
      <c r="G3" s="757"/>
    </row>
    <row r="4" spans="1:7" s="53" customFormat="1" ht="10.5" x14ac:dyDescent="0.2">
      <c r="A4" s="757" t="s">
        <v>105</v>
      </c>
      <c r="B4" s="757"/>
      <c r="C4" s="757"/>
      <c r="D4" s="757"/>
      <c r="E4" s="757"/>
      <c r="F4" s="757"/>
      <c r="G4" s="757"/>
    </row>
    <row r="5" spans="1:7" s="53" customFormat="1" ht="10.5" x14ac:dyDescent="0.2">
      <c r="A5" s="757" t="s">
        <v>556</v>
      </c>
      <c r="B5" s="757"/>
      <c r="C5" s="757"/>
      <c r="D5" s="757"/>
      <c r="E5" s="757"/>
      <c r="F5" s="757"/>
      <c r="G5" s="757"/>
    </row>
    <row r="6" spans="1:7" s="53" customFormat="1" ht="10.5" x14ac:dyDescent="0.2">
      <c r="A6" s="757" t="s">
        <v>107</v>
      </c>
      <c r="B6" s="757"/>
      <c r="C6" s="757"/>
      <c r="D6" s="757"/>
      <c r="E6" s="757"/>
      <c r="F6" s="757"/>
      <c r="G6" s="757"/>
    </row>
    <row r="7" spans="1:7" s="53" customFormat="1" ht="10.5" x14ac:dyDescent="0.2">
      <c r="A7" s="757" t="s">
        <v>869</v>
      </c>
      <c r="B7" s="757"/>
      <c r="C7" s="757"/>
      <c r="D7" s="757"/>
      <c r="E7" s="757"/>
      <c r="F7" s="757"/>
      <c r="G7" s="757"/>
    </row>
    <row r="8" spans="1:7" s="30" customFormat="1" ht="10.5" x14ac:dyDescent="0.2">
      <c r="A8" s="54"/>
      <c r="B8" s="54"/>
      <c r="C8" s="54"/>
      <c r="D8" s="54"/>
      <c r="E8" s="54"/>
      <c r="F8" s="54"/>
      <c r="G8" s="54"/>
    </row>
    <row r="9" spans="1:7" s="30" customFormat="1" ht="10.5" x14ac:dyDescent="0.2">
      <c r="A9" s="30" t="s">
        <v>557</v>
      </c>
      <c r="D9" s="150"/>
      <c r="E9" s="129"/>
      <c r="G9" s="256">
        <v>1</v>
      </c>
    </row>
    <row r="10" spans="1:7" s="76" customFormat="1" ht="15" customHeight="1" x14ac:dyDescent="0.2">
      <c r="A10" s="822" t="s">
        <v>558</v>
      </c>
      <c r="B10" s="859" t="s">
        <v>161</v>
      </c>
      <c r="C10" s="857"/>
      <c r="D10" s="857"/>
      <c r="E10" s="857"/>
      <c r="F10" s="857"/>
      <c r="G10" s="857"/>
    </row>
    <row r="11" spans="1:7" s="76" customFormat="1" ht="15" customHeight="1" x14ac:dyDescent="0.2">
      <c r="A11" s="825"/>
      <c r="B11" s="820" t="s">
        <v>775</v>
      </c>
      <c r="C11" s="822"/>
      <c r="D11" s="760" t="s">
        <v>866</v>
      </c>
      <c r="E11" s="888"/>
      <c r="F11" s="760" t="s">
        <v>871</v>
      </c>
      <c r="G11" s="888"/>
    </row>
    <row r="12" spans="1:7" s="76" customFormat="1" ht="15" customHeight="1" x14ac:dyDescent="0.2">
      <c r="A12" s="826"/>
      <c r="B12" s="847" t="s">
        <v>116</v>
      </c>
      <c r="C12" s="848"/>
      <c r="D12" s="889" t="s">
        <v>117</v>
      </c>
      <c r="E12" s="774"/>
      <c r="F12" s="773" t="s">
        <v>152</v>
      </c>
      <c r="G12" s="889"/>
    </row>
    <row r="13" spans="1:7" s="76" customFormat="1" ht="10.5" x14ac:dyDescent="0.2">
      <c r="A13" s="176" t="s">
        <v>559</v>
      </c>
      <c r="B13" s="738">
        <v>8602359025.3500004</v>
      </c>
      <c r="C13" s="881"/>
      <c r="D13" s="738">
        <v>8736798520.1899986</v>
      </c>
      <c r="E13" s="881"/>
      <c r="F13" s="738">
        <v>8732763384.960001</v>
      </c>
      <c r="G13" s="739"/>
    </row>
    <row r="14" spans="1:7" s="76" customFormat="1" ht="10.5" x14ac:dyDescent="0.2">
      <c r="A14" s="176" t="s">
        <v>184</v>
      </c>
      <c r="B14" s="744">
        <v>609938356.01999998</v>
      </c>
      <c r="C14" s="784"/>
      <c r="D14" s="744">
        <v>974628020.58999991</v>
      </c>
      <c r="E14" s="784"/>
      <c r="F14" s="744">
        <v>1077995529.6400001</v>
      </c>
      <c r="G14" s="745"/>
    </row>
    <row r="15" spans="1:7" ht="10.5" x14ac:dyDescent="0.2">
      <c r="A15" s="192" t="s">
        <v>560</v>
      </c>
      <c r="B15" s="728">
        <v>755342169.38999999</v>
      </c>
      <c r="C15" s="783"/>
      <c r="D15" s="728">
        <v>1057554397.54</v>
      </c>
      <c r="E15" s="783"/>
      <c r="F15" s="728">
        <v>1156920301.4000001</v>
      </c>
      <c r="G15" s="729"/>
    </row>
    <row r="16" spans="1:7" ht="10.5" x14ac:dyDescent="0.2">
      <c r="A16" s="192" t="s">
        <v>561</v>
      </c>
      <c r="B16" s="728">
        <v>0</v>
      </c>
      <c r="C16" s="783"/>
      <c r="D16" s="728">
        <v>0</v>
      </c>
      <c r="E16" s="783"/>
      <c r="F16" s="728">
        <v>0</v>
      </c>
      <c r="G16" s="729"/>
    </row>
    <row r="17" spans="1:7" ht="10.5" x14ac:dyDescent="0.2">
      <c r="A17" s="192" t="s">
        <v>562</v>
      </c>
      <c r="B17" s="728">
        <v>145403813.37</v>
      </c>
      <c r="C17" s="783"/>
      <c r="D17" s="728">
        <v>82926376.950000003</v>
      </c>
      <c r="E17" s="783"/>
      <c r="F17" s="728">
        <v>78924771.760000005</v>
      </c>
      <c r="G17" s="729"/>
    </row>
    <row r="18" spans="1:7" s="76" customFormat="1" ht="10.5" x14ac:dyDescent="0.2">
      <c r="A18" s="176" t="s">
        <v>563</v>
      </c>
      <c r="B18" s="744">
        <v>7992420669.3299999</v>
      </c>
      <c r="C18" s="784"/>
      <c r="D18" s="744">
        <v>7762170499.5999985</v>
      </c>
      <c r="E18" s="784"/>
      <c r="F18" s="744">
        <v>7654767855.3200006</v>
      </c>
      <c r="G18" s="745"/>
    </row>
    <row r="19" spans="1:7" s="76" customFormat="1" ht="10.5" x14ac:dyDescent="0.2">
      <c r="A19" s="176" t="s">
        <v>564</v>
      </c>
      <c r="B19" s="744">
        <v>0</v>
      </c>
      <c r="C19" s="784"/>
      <c r="D19" s="744">
        <v>0</v>
      </c>
      <c r="E19" s="784"/>
      <c r="F19" s="744">
        <v>0</v>
      </c>
      <c r="G19" s="745"/>
    </row>
    <row r="20" spans="1:7" s="76" customFormat="1" ht="10.5" x14ac:dyDescent="0.2">
      <c r="A20" s="176" t="s">
        <v>565</v>
      </c>
      <c r="B20" s="744">
        <v>94123805.310000002</v>
      </c>
      <c r="C20" s="784"/>
      <c r="D20" s="744">
        <v>93473319.310000002</v>
      </c>
      <c r="E20" s="784"/>
      <c r="F20" s="789">
        <v>92523506.760000005</v>
      </c>
      <c r="G20" s="790"/>
    </row>
    <row r="21" spans="1:7" s="76" customFormat="1" ht="15" customHeight="1" x14ac:dyDescent="0.2">
      <c r="A21" s="131" t="s">
        <v>566</v>
      </c>
      <c r="B21" s="755">
        <v>7898296864.0199995</v>
      </c>
      <c r="C21" s="855"/>
      <c r="D21" s="755">
        <v>7668697180.2899981</v>
      </c>
      <c r="E21" s="855"/>
      <c r="F21" s="755">
        <v>7562244348.5600004</v>
      </c>
      <c r="G21" s="756"/>
    </row>
    <row r="22" spans="1:7" ht="10.5" x14ac:dyDescent="0.2">
      <c r="B22" s="53"/>
      <c r="C22" s="53"/>
      <c r="D22" s="53"/>
      <c r="E22" s="53"/>
      <c r="F22" s="53"/>
      <c r="G22" s="53"/>
    </row>
    <row r="23" spans="1:7" s="76" customFormat="1" ht="15" customHeight="1" x14ac:dyDescent="0.2">
      <c r="A23" s="126"/>
      <c r="B23" s="766" t="s">
        <v>208</v>
      </c>
      <c r="C23" s="767"/>
      <c r="D23" s="767"/>
      <c r="E23" s="767"/>
      <c r="F23" s="767"/>
      <c r="G23" s="767"/>
    </row>
    <row r="24" spans="1:7" s="76" customFormat="1" ht="15" customHeight="1" x14ac:dyDescent="0.2">
      <c r="A24" s="190" t="s">
        <v>567</v>
      </c>
      <c r="B24" s="187"/>
      <c r="C24" s="188" t="s">
        <v>113</v>
      </c>
      <c r="D24" s="189"/>
      <c r="E24" s="187"/>
      <c r="F24" s="188" t="s">
        <v>115</v>
      </c>
      <c r="G24" s="188"/>
    </row>
    <row r="25" spans="1:7" s="76" customFormat="1" ht="15" customHeight="1" x14ac:dyDescent="0.2">
      <c r="A25" s="58"/>
      <c r="B25" s="18"/>
      <c r="C25" s="599" t="s">
        <v>568</v>
      </c>
      <c r="D25" s="186"/>
      <c r="E25" s="18"/>
      <c r="F25" s="599" t="s">
        <v>569</v>
      </c>
      <c r="G25" s="204"/>
    </row>
    <row r="26" spans="1:7" s="76" customFormat="1" ht="15" customHeight="1" x14ac:dyDescent="0.2">
      <c r="A26" s="191" t="s">
        <v>209</v>
      </c>
      <c r="B26" s="898">
        <v>-106452831.72999763</v>
      </c>
      <c r="C26" s="899"/>
      <c r="D26" s="900"/>
      <c r="E26" s="898">
        <v>-336052515.45999908</v>
      </c>
      <c r="F26" s="899"/>
      <c r="G26" s="899"/>
    </row>
    <row r="27" spans="1:7" ht="10.5" x14ac:dyDescent="0.2">
      <c r="B27" s="53"/>
      <c r="C27" s="53"/>
      <c r="D27" s="66"/>
      <c r="E27" s="66"/>
      <c r="F27" s="53"/>
      <c r="G27" s="53"/>
    </row>
    <row r="28" spans="1:7" s="76" customFormat="1" ht="15" customHeight="1" x14ac:dyDescent="0.2">
      <c r="A28" s="821" t="s">
        <v>570</v>
      </c>
      <c r="B28" s="821"/>
      <c r="C28" s="821"/>
      <c r="D28" s="822"/>
      <c r="E28" s="871" t="s">
        <v>571</v>
      </c>
      <c r="F28" s="865"/>
      <c r="G28" s="865"/>
    </row>
    <row r="29" spans="1:7" s="76" customFormat="1" ht="15" customHeight="1" x14ac:dyDescent="0.2">
      <c r="A29" s="886" t="s">
        <v>774</v>
      </c>
      <c r="B29" s="886"/>
      <c r="C29" s="886"/>
      <c r="D29" s="887"/>
      <c r="E29" s="884">
        <v>-279873000</v>
      </c>
      <c r="F29" s="885"/>
      <c r="G29" s="885"/>
    </row>
    <row r="30" spans="1:7" ht="10.5" x14ac:dyDescent="0.2">
      <c r="A30" s="29"/>
      <c r="B30" s="29"/>
      <c r="C30" s="29"/>
      <c r="D30" s="29"/>
      <c r="E30" s="74"/>
      <c r="F30" s="74"/>
      <c r="G30" s="74"/>
    </row>
    <row r="31" spans="1:7" s="76" customFormat="1" ht="15" customHeight="1" x14ac:dyDescent="0.2">
      <c r="A31" s="767" t="s">
        <v>572</v>
      </c>
      <c r="B31" s="767"/>
      <c r="C31" s="767"/>
      <c r="D31" s="767"/>
      <c r="E31" s="767"/>
      <c r="F31" s="767"/>
      <c r="G31" s="767"/>
    </row>
    <row r="32" spans="1:7" s="76" customFormat="1" ht="15" customHeight="1" x14ac:dyDescent="0.2">
      <c r="A32" s="126"/>
      <c r="B32" s="859" t="s">
        <v>161</v>
      </c>
      <c r="C32" s="857"/>
      <c r="D32" s="857"/>
      <c r="E32" s="857"/>
      <c r="F32" s="857"/>
      <c r="G32" s="857"/>
    </row>
    <row r="33" spans="1:7" s="76" customFormat="1" ht="15" customHeight="1" x14ac:dyDescent="0.2">
      <c r="A33" s="190" t="s">
        <v>573</v>
      </c>
      <c r="B33" s="820" t="s">
        <v>775</v>
      </c>
      <c r="C33" s="822"/>
      <c r="D33" s="760" t="s">
        <v>866</v>
      </c>
      <c r="E33" s="888"/>
      <c r="F33" s="760" t="s">
        <v>871</v>
      </c>
      <c r="G33" s="888"/>
    </row>
    <row r="34" spans="1:7" s="76" customFormat="1" ht="15" customHeight="1" x14ac:dyDescent="0.2">
      <c r="A34" s="58"/>
      <c r="B34" s="847" t="s">
        <v>116</v>
      </c>
      <c r="C34" s="848"/>
      <c r="D34" s="889" t="s">
        <v>117</v>
      </c>
      <c r="E34" s="774"/>
      <c r="F34" s="773" t="s">
        <v>152</v>
      </c>
      <c r="G34" s="889"/>
    </row>
    <row r="35" spans="1:7" s="76" customFormat="1" ht="10.5" x14ac:dyDescent="0.2">
      <c r="A35" s="76" t="s">
        <v>574</v>
      </c>
      <c r="B35" s="890">
        <v>44598835.219999999</v>
      </c>
      <c r="C35" s="891"/>
      <c r="D35" s="890">
        <v>44598835.219999999</v>
      </c>
      <c r="E35" s="891"/>
      <c r="F35" s="890">
        <v>44598835.219999999</v>
      </c>
      <c r="G35" s="892"/>
    </row>
    <row r="36" spans="1:7" ht="10.5" x14ac:dyDescent="0.2">
      <c r="A36" s="193" t="s">
        <v>575</v>
      </c>
      <c r="B36" s="775">
        <v>44598835.219999999</v>
      </c>
      <c r="C36" s="776"/>
      <c r="D36" s="775">
        <v>44598835.219999999</v>
      </c>
      <c r="E36" s="776"/>
      <c r="F36" s="775">
        <v>44598835.219999999</v>
      </c>
      <c r="G36" s="893"/>
    </row>
    <row r="37" spans="1:7" ht="10.5" x14ac:dyDescent="0.2">
      <c r="A37" s="193" t="s">
        <v>576</v>
      </c>
      <c r="B37" s="775">
        <v>0</v>
      </c>
      <c r="C37" s="776"/>
      <c r="D37" s="775">
        <v>0</v>
      </c>
      <c r="E37" s="776"/>
      <c r="F37" s="775">
        <v>0</v>
      </c>
      <c r="G37" s="893"/>
    </row>
    <row r="38" spans="1:7" s="76" customFormat="1" ht="10.5" x14ac:dyDescent="0.2">
      <c r="A38" s="76" t="s">
        <v>577</v>
      </c>
      <c r="B38" s="779">
        <v>32803010.439999998</v>
      </c>
      <c r="C38" s="780"/>
      <c r="D38" s="779">
        <v>61187021.109999999</v>
      </c>
      <c r="E38" s="780"/>
      <c r="F38" s="779">
        <v>221551259.13</v>
      </c>
      <c r="G38" s="894"/>
    </row>
    <row r="39" spans="1:7" ht="10.5" x14ac:dyDescent="0.2">
      <c r="A39" s="193" t="s">
        <v>578</v>
      </c>
      <c r="B39" s="775">
        <v>564137.87</v>
      </c>
      <c r="C39" s="776"/>
      <c r="D39" s="775">
        <v>24100740.690000001</v>
      </c>
      <c r="E39" s="776"/>
      <c r="F39" s="775">
        <v>177612454.53</v>
      </c>
      <c r="G39" s="893"/>
    </row>
    <row r="40" spans="1:7" ht="10.5" x14ac:dyDescent="0.2">
      <c r="A40" s="193" t="s">
        <v>579</v>
      </c>
      <c r="B40" s="775">
        <v>44034697.350000001</v>
      </c>
      <c r="C40" s="776"/>
      <c r="D40" s="775">
        <v>48882105.200000003</v>
      </c>
      <c r="E40" s="776"/>
      <c r="F40" s="775">
        <v>55734629.380000003</v>
      </c>
      <c r="G40" s="893"/>
    </row>
    <row r="41" spans="1:7" ht="10.5" x14ac:dyDescent="0.2">
      <c r="A41" s="193" t="s">
        <v>561</v>
      </c>
      <c r="B41" s="775">
        <v>0</v>
      </c>
      <c r="C41" s="776"/>
      <c r="D41" s="775">
        <v>0</v>
      </c>
      <c r="E41" s="776"/>
      <c r="F41" s="775">
        <v>0</v>
      </c>
      <c r="G41" s="893"/>
    </row>
    <row r="42" spans="1:7" ht="10.5" x14ac:dyDescent="0.2">
      <c r="A42" s="193" t="s">
        <v>580</v>
      </c>
      <c r="B42" s="775">
        <v>11795824.779999999</v>
      </c>
      <c r="C42" s="776"/>
      <c r="D42" s="775">
        <v>11795824.779999999</v>
      </c>
      <c r="E42" s="776"/>
      <c r="F42" s="775">
        <v>11795824.779999999</v>
      </c>
      <c r="G42" s="893"/>
    </row>
    <row r="43" spans="1:7" s="76" customFormat="1" ht="12.75" customHeight="1" x14ac:dyDescent="0.2">
      <c r="A43" s="76" t="s">
        <v>581</v>
      </c>
      <c r="B43" s="901">
        <v>11795824.780000001</v>
      </c>
      <c r="C43" s="902"/>
      <c r="D43" s="901">
        <v>-16588185.890000001</v>
      </c>
      <c r="E43" s="902"/>
      <c r="F43" s="901">
        <v>-176952423.91</v>
      </c>
      <c r="G43" s="903"/>
    </row>
    <row r="44" spans="1:7" s="76" customFormat="1" ht="13.5" customHeight="1" x14ac:dyDescent="0.2">
      <c r="A44" s="76" t="s">
        <v>582</v>
      </c>
      <c r="B44" s="779"/>
      <c r="C44" s="780"/>
      <c r="D44" s="779"/>
      <c r="E44" s="780"/>
      <c r="F44" s="779"/>
      <c r="G44" s="894"/>
    </row>
    <row r="45" spans="1:7" s="76" customFormat="1" ht="15" customHeight="1" x14ac:dyDescent="0.2">
      <c r="A45" s="131" t="s">
        <v>583</v>
      </c>
      <c r="B45" s="895">
        <v>11795824.780000001</v>
      </c>
      <c r="C45" s="896"/>
      <c r="D45" s="895">
        <v>-16588185.890000001</v>
      </c>
      <c r="E45" s="896"/>
      <c r="F45" s="895">
        <v>-176952423.91</v>
      </c>
      <c r="G45" s="897"/>
    </row>
    <row r="46" spans="1:7" ht="12.75" customHeight="1" x14ac:dyDescent="0.2">
      <c r="A46" s="53" t="s">
        <v>877</v>
      </c>
      <c r="B46" s="84"/>
      <c r="C46" s="84"/>
      <c r="D46" s="84"/>
      <c r="E46" s="84"/>
      <c r="F46" s="84"/>
      <c r="G46" s="340"/>
    </row>
    <row r="47" spans="1:7" ht="11.25" customHeight="1" x14ac:dyDescent="0.2">
      <c r="A47" s="201"/>
    </row>
    <row r="51" spans="1:7" ht="11.25" customHeight="1" x14ac:dyDescent="0.2">
      <c r="A51" s="305"/>
      <c r="B51" s="305"/>
      <c r="C51" s="305"/>
      <c r="D51" s="305"/>
      <c r="E51" s="305"/>
      <c r="F51" s="305"/>
      <c r="G51" s="305"/>
    </row>
    <row r="52" spans="1:7" ht="11.25" customHeight="1" x14ac:dyDescent="0.2">
      <c r="A52" s="305"/>
      <c r="B52" s="305"/>
      <c r="C52" s="305"/>
      <c r="D52" s="305"/>
      <c r="E52" s="305"/>
      <c r="F52" s="305"/>
      <c r="G52" s="305"/>
    </row>
    <row r="53" spans="1:7" ht="11.25" customHeight="1" x14ac:dyDescent="0.2">
      <c r="A53" s="305"/>
      <c r="B53" s="305"/>
      <c r="C53" s="305"/>
      <c r="D53" s="305"/>
      <c r="E53" s="305"/>
      <c r="F53" s="305"/>
      <c r="G53" s="305"/>
    </row>
    <row r="54" spans="1:7" ht="11.25" customHeight="1" x14ac:dyDescent="0.2">
      <c r="A54" s="305"/>
      <c r="B54" s="305"/>
      <c r="C54" s="305"/>
      <c r="D54" s="305"/>
      <c r="E54" s="305"/>
      <c r="F54" s="305"/>
      <c r="G54" s="305"/>
    </row>
    <row r="55" spans="1:7" ht="11.25" customHeight="1" x14ac:dyDescent="0.2">
      <c r="A55" s="305"/>
      <c r="B55" s="305"/>
      <c r="C55" s="305"/>
      <c r="D55" s="305"/>
      <c r="E55" s="305"/>
      <c r="F55" s="305"/>
      <c r="G55" s="305"/>
    </row>
    <row r="56" spans="1:7" ht="11.25" customHeight="1" x14ac:dyDescent="0.2">
      <c r="A56" s="305"/>
      <c r="B56" s="305"/>
      <c r="C56" s="305"/>
      <c r="D56" s="305"/>
      <c r="E56" s="305"/>
      <c r="F56" s="305"/>
      <c r="G56" s="305"/>
    </row>
    <row r="57" spans="1:7" ht="11.25" customHeight="1" x14ac:dyDescent="0.2">
      <c r="A57" s="305"/>
      <c r="B57" s="305"/>
      <c r="C57" s="305"/>
      <c r="D57" s="305"/>
      <c r="E57" s="305"/>
      <c r="F57" s="305"/>
      <c r="G57" s="305"/>
    </row>
    <row r="58" spans="1:7" ht="11.25" customHeight="1" x14ac:dyDescent="0.2">
      <c r="A58" s="305"/>
      <c r="B58" s="305"/>
      <c r="C58" s="305"/>
      <c r="D58" s="305"/>
      <c r="E58" s="305"/>
      <c r="F58" s="305"/>
      <c r="G58" s="305"/>
    </row>
    <row r="59" spans="1:7" ht="11.25" customHeight="1" x14ac:dyDescent="0.2">
      <c r="A59" s="305"/>
      <c r="B59" s="305"/>
      <c r="C59" s="305"/>
      <c r="D59" s="305"/>
      <c r="E59" s="305"/>
      <c r="F59" s="305"/>
      <c r="G59" s="305"/>
    </row>
    <row r="60" spans="1:7" ht="11.25" customHeight="1" x14ac:dyDescent="0.2">
      <c r="A60" s="305"/>
      <c r="B60" s="305"/>
      <c r="C60" s="305"/>
      <c r="D60" s="305"/>
      <c r="E60" s="305"/>
      <c r="F60" s="305"/>
      <c r="G60" s="305"/>
    </row>
    <row r="61" spans="1:7" ht="11.25" customHeight="1" x14ac:dyDescent="0.2">
      <c r="A61" s="305"/>
      <c r="B61" s="305"/>
      <c r="C61" s="305"/>
      <c r="D61" s="305"/>
      <c r="E61" s="305"/>
      <c r="F61" s="305"/>
      <c r="G61" s="305"/>
    </row>
    <row r="62" spans="1:7" ht="11.25" customHeight="1" x14ac:dyDescent="0.2">
      <c r="A62" s="305"/>
      <c r="B62" s="305"/>
      <c r="C62" s="305"/>
      <c r="D62" s="305"/>
      <c r="E62" s="305"/>
      <c r="F62" s="305"/>
      <c r="G62" s="305"/>
    </row>
    <row r="63" spans="1:7" ht="11.25" customHeight="1" x14ac:dyDescent="0.2">
      <c r="A63" s="305"/>
      <c r="B63" s="305"/>
      <c r="C63" s="305"/>
      <c r="D63" s="305"/>
      <c r="E63" s="305"/>
      <c r="F63" s="305"/>
      <c r="G63" s="305"/>
    </row>
    <row r="64" spans="1:7" ht="11.25" customHeight="1" x14ac:dyDescent="0.2">
      <c r="A64" s="305"/>
      <c r="B64" s="305"/>
      <c r="C64" s="305"/>
      <c r="D64" s="305"/>
      <c r="E64" s="305"/>
      <c r="F64" s="305"/>
      <c r="G64" s="305"/>
    </row>
    <row r="65" spans="1:7" ht="11.25" customHeight="1" x14ac:dyDescent="0.2">
      <c r="A65" s="305"/>
      <c r="B65" s="305"/>
      <c r="C65" s="305"/>
      <c r="D65" s="305"/>
      <c r="E65" s="305"/>
      <c r="F65" s="305"/>
      <c r="G65" s="305"/>
    </row>
    <row r="66" spans="1:7" ht="11.25" customHeight="1" x14ac:dyDescent="0.2">
      <c r="A66" s="305"/>
      <c r="B66" s="305"/>
      <c r="C66" s="305"/>
      <c r="D66" s="305"/>
      <c r="E66" s="305"/>
      <c r="F66" s="305"/>
      <c r="G66" s="305"/>
    </row>
  </sheetData>
  <customSheetViews>
    <customSheetView guid="{6DBFA32C-4AA4-4E1D-9A48-697377C64CC3}" showPageBreaks="1" showGridLines="0" fitToPage="1" printArea="1" topLeftCell="A4">
      <selection activeCell="F45" sqref="F45:G45"/>
      <pageMargins left="0.19685039370078741" right="0.19685039370078741" top="0.39370078740157483" bottom="0.39370078740157483" header="0" footer="0"/>
      <printOptions horizontalCentered="1"/>
      <pageSetup paperSize="9" scale="67" orientation="portrait" r:id="rId1"/>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2"/>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3"/>
      <headerFooter alignWithMargins="0"/>
    </customSheetView>
    <customSheetView guid="{82EDB5A4-4824-4632-A540-7A52C92F04C7}" showPageBreaks="1" showGridLines="0" fitToPage="1" printArea="1" topLeftCell="A7">
      <selection activeCell="I48" sqref="I48"/>
      <pageMargins left="0.19685039370078741" right="0.19685039370078741" top="0.19685039370078741" bottom="0.19685039370078741" header="0" footer="0"/>
      <printOptions horizontalCentered="1"/>
      <pageSetup paperSize="9" scale="67" orientation="portrait" r:id="rId4"/>
      <headerFooter alignWithMargins="0"/>
    </customSheetView>
    <customSheetView guid="{3AAF6A5F-F9AA-430B-9AD9-1261ECDF41B5}" showPageBreaks="1" showGridLines="0" fitToPage="1" printArea="1" topLeftCell="A13">
      <selection activeCell="E8" sqref="E8"/>
      <pageMargins left="0.19685039370078741" right="0.19685039370078741" top="0.19685039370078741" bottom="0.19685039370078741" header="0.51181102362204722" footer="0.51181102362204722"/>
      <printOptions horizontalCentered="1"/>
      <pageSetup paperSize="9" scale="66" orientation="portrait" r:id="rId5"/>
      <headerFooter alignWithMargins="0"/>
    </customSheetView>
    <customSheetView guid="{C779D862-DE28-46CD-A428-4AAA1056D1E1}" showGridLines="0" fitToPage="1">
      <selection activeCell="E8" sqref="E8"/>
      <pageMargins left="0.19685039370078741" right="0.19685039370078741" top="0.59055118110236227" bottom="0.19685039370078741" header="0" footer="0"/>
      <printOptions horizontalCentered="1"/>
      <pageSetup paperSize="9" scale="66" orientation="portrait" r:id="rId6"/>
      <headerFooter alignWithMargins="0"/>
    </customSheetView>
    <customSheetView guid="{25EF1E0D-169B-4051-B414-7E1196FC05E4}" showPageBreaks="1" showGridLines="0" fitToPage="1" printArea="1" topLeftCell="D1">
      <selection activeCell="J13" sqref="J13"/>
      <pageMargins left="0.19685039370078741" right="0.19685039370078741" top="0.19685039370078741" bottom="0.19685039370078741" header="0.51181102362204722" footer="0"/>
      <printOptions horizontalCentered="1"/>
      <pageSetup paperSize="9" scale="66" orientation="portrait" r:id="rId7"/>
      <headerFooter alignWithMargins="0"/>
    </customSheetView>
  </customSheetViews>
  <mergeCells count="88">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41:G41"/>
    <mergeCell ref="B42:C42"/>
    <mergeCell ref="D42:E42"/>
    <mergeCell ref="F42:G42"/>
    <mergeCell ref="B39:C39"/>
    <mergeCell ref="D39:E39"/>
    <mergeCell ref="F39:G39"/>
    <mergeCell ref="B40:C40"/>
    <mergeCell ref="D40:E40"/>
    <mergeCell ref="F40:G40"/>
    <mergeCell ref="B37:C37"/>
    <mergeCell ref="D37:E37"/>
    <mergeCell ref="F37:G37"/>
    <mergeCell ref="B38:C38"/>
    <mergeCell ref="D38:E38"/>
    <mergeCell ref="F38:G38"/>
    <mergeCell ref="B35:C35"/>
    <mergeCell ref="D35:E35"/>
    <mergeCell ref="F35:G35"/>
    <mergeCell ref="B36:C36"/>
    <mergeCell ref="D36:E36"/>
    <mergeCell ref="F36:G36"/>
    <mergeCell ref="B33:C33"/>
    <mergeCell ref="D33:E33"/>
    <mergeCell ref="F33:G33"/>
    <mergeCell ref="B34:C34"/>
    <mergeCell ref="D34:E34"/>
    <mergeCell ref="F34:G34"/>
    <mergeCell ref="F15:G15"/>
    <mergeCell ref="B16:C16"/>
    <mergeCell ref="D16:E16"/>
    <mergeCell ref="F16:G16"/>
    <mergeCell ref="B21:C21"/>
    <mergeCell ref="D21:E21"/>
    <mergeCell ref="F21:G21"/>
    <mergeCell ref="A3:G3"/>
    <mergeCell ref="A4:G4"/>
    <mergeCell ref="A5:G5"/>
    <mergeCell ref="A6:G6"/>
    <mergeCell ref="A7:G7"/>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s>
  <printOptions horizontalCentered="1"/>
  <pageMargins left="0.19685039370078741" right="0.19685039370078741" top="0.59055118110236227" bottom="0.19685039370078741" header="0.51181102362204722" footer="0"/>
  <pageSetup paperSize="9" scale="66" orientation="portrait" r:id="rId8"/>
  <headerFooter alignWithMargins="0"/>
  <drawing r:id="rId9"/>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tabColor rgb="FF92D050"/>
    <pageSetUpPr fitToPage="1"/>
  </sheetPr>
  <dimension ref="A1:L92"/>
  <sheetViews>
    <sheetView showGridLines="0" zoomScaleNormal="100" workbookViewId="0"/>
  </sheetViews>
  <sheetFormatPr defaultColWidth="9.140625" defaultRowHeight="11.25" customHeight="1" x14ac:dyDescent="0.2"/>
  <cols>
    <col min="1" max="1" width="59.28515625" style="21" customWidth="1"/>
    <col min="2" max="2" width="20.140625" style="21" bestFit="1" customWidth="1"/>
    <col min="3" max="3" width="19" style="242" bestFit="1" customWidth="1"/>
    <col min="4" max="6" width="19" style="21" bestFit="1" customWidth="1"/>
    <col min="7" max="7" width="15.85546875" style="21" customWidth="1"/>
    <col min="8" max="8" width="14.140625" style="21" customWidth="1"/>
    <col min="9" max="9" width="9.140625" style="21"/>
    <col min="10" max="10" width="19" style="21" bestFit="1" customWidth="1"/>
    <col min="11" max="16384" width="9.140625" style="21"/>
  </cols>
  <sheetData>
    <row r="1" spans="1:12" s="54" customFormat="1" ht="11.25" customHeight="1" x14ac:dyDescent="0.2">
      <c r="A1" s="334"/>
      <c r="B1" s="334"/>
      <c r="C1" s="334"/>
      <c r="D1" s="334"/>
      <c r="E1" s="334"/>
      <c r="F1" s="334"/>
      <c r="G1" s="334"/>
      <c r="H1" s="334"/>
    </row>
    <row r="2" spans="1:12" s="54" customFormat="1" ht="11.25" customHeight="1" x14ac:dyDescent="0.2">
      <c r="A2" s="30"/>
      <c r="B2" s="30"/>
      <c r="C2" s="129"/>
      <c r="D2" s="30"/>
    </row>
    <row r="3" spans="1:12" s="230" customFormat="1" ht="11.25" customHeight="1" x14ac:dyDescent="0.2">
      <c r="A3" s="757" t="s">
        <v>643</v>
      </c>
      <c r="B3" s="757"/>
      <c r="C3" s="757"/>
      <c r="D3" s="757"/>
      <c r="E3" s="757"/>
      <c r="F3" s="757"/>
      <c r="G3" s="757"/>
      <c r="H3" s="757"/>
    </row>
    <row r="4" spans="1:12" s="230" customFormat="1" ht="11.25" customHeight="1" x14ac:dyDescent="0.2">
      <c r="A4" s="757" t="s">
        <v>105</v>
      </c>
      <c r="B4" s="757"/>
      <c r="C4" s="757"/>
      <c r="D4" s="757"/>
      <c r="E4" s="757"/>
      <c r="F4" s="757"/>
      <c r="G4" s="757"/>
      <c r="H4" s="757"/>
    </row>
    <row r="5" spans="1:12" s="230" customFormat="1" ht="11.25" customHeight="1" x14ac:dyDescent="0.2">
      <c r="A5" s="757" t="s">
        <v>584</v>
      </c>
      <c r="B5" s="757"/>
      <c r="C5" s="757"/>
      <c r="D5" s="757"/>
      <c r="E5" s="757"/>
      <c r="F5" s="757"/>
      <c r="G5" s="757"/>
      <c r="H5" s="757"/>
    </row>
    <row r="6" spans="1:12" s="230" customFormat="1" ht="11.25" customHeight="1" x14ac:dyDescent="0.2">
      <c r="A6" s="757" t="s">
        <v>107</v>
      </c>
      <c r="B6" s="757"/>
      <c r="C6" s="757"/>
      <c r="D6" s="757"/>
      <c r="E6" s="757"/>
      <c r="F6" s="757"/>
      <c r="G6" s="757"/>
      <c r="H6" s="757"/>
    </row>
    <row r="7" spans="1:12" s="230" customFormat="1" ht="11.25" customHeight="1" x14ac:dyDescent="0.2">
      <c r="A7" s="757" t="s">
        <v>869</v>
      </c>
      <c r="B7" s="757"/>
      <c r="C7" s="757"/>
      <c r="D7" s="757"/>
      <c r="E7" s="757"/>
      <c r="F7" s="757"/>
      <c r="G7" s="757"/>
      <c r="H7" s="757"/>
    </row>
    <row r="8" spans="1:12" s="54" customFormat="1" ht="11.25" customHeight="1" x14ac:dyDescent="0.2">
      <c r="A8" s="30"/>
      <c r="B8" s="354"/>
      <c r="C8" s="354"/>
      <c r="D8" s="30"/>
      <c r="E8" s="643"/>
    </row>
    <row r="9" spans="1:12" s="54" customFormat="1" ht="11.25" customHeight="1" x14ac:dyDescent="0.2">
      <c r="A9" s="158" t="s">
        <v>585</v>
      </c>
      <c r="B9" s="436"/>
      <c r="C9" s="435"/>
      <c r="D9" s="717"/>
      <c r="E9" s="717"/>
      <c r="H9" s="256">
        <v>1</v>
      </c>
    </row>
    <row r="10" spans="1:12" s="236" customFormat="1" ht="16.5" customHeight="1" x14ac:dyDescent="0.2">
      <c r="A10" s="748" t="s">
        <v>586</v>
      </c>
      <c r="B10" s="820" t="s">
        <v>235</v>
      </c>
      <c r="C10" s="822"/>
      <c r="D10" s="859" t="s">
        <v>109</v>
      </c>
      <c r="E10" s="857"/>
      <c r="F10" s="857"/>
      <c r="G10" s="857"/>
      <c r="H10" s="857"/>
    </row>
    <row r="11" spans="1:12" s="236" customFormat="1" ht="18" customHeight="1" x14ac:dyDescent="0.2">
      <c r="A11" s="749"/>
      <c r="B11" s="849"/>
      <c r="C11" s="825"/>
      <c r="D11" s="820" t="s">
        <v>115</v>
      </c>
      <c r="E11" s="821"/>
      <c r="F11" s="823" t="s">
        <v>115</v>
      </c>
      <c r="G11" s="823"/>
      <c r="H11" s="820"/>
    </row>
    <row r="12" spans="1:12" s="236" customFormat="1" ht="18" customHeight="1" x14ac:dyDescent="0.2">
      <c r="A12" s="750"/>
      <c r="B12" s="850"/>
      <c r="C12" s="826"/>
      <c r="D12" s="847">
        <v>2015</v>
      </c>
      <c r="E12" s="866"/>
      <c r="F12" s="824">
        <v>2014</v>
      </c>
      <c r="G12" s="824"/>
      <c r="H12" s="850"/>
    </row>
    <row r="13" spans="1:12" s="236" customFormat="1" ht="11.25" customHeight="1" x14ac:dyDescent="0.2">
      <c r="A13" s="72" t="s">
        <v>587</v>
      </c>
      <c r="B13" s="916">
        <v>12334989742.73</v>
      </c>
      <c r="C13" s="917"/>
      <c r="D13" s="916">
        <v>3679934595.8599997</v>
      </c>
      <c r="E13" s="917"/>
      <c r="F13" s="738">
        <v>3798498962.670001</v>
      </c>
      <c r="G13" s="739"/>
      <c r="H13" s="739"/>
      <c r="J13" s="643"/>
      <c r="K13" s="643"/>
      <c r="L13" s="643"/>
    </row>
    <row r="14" spans="1:12" ht="11.25" customHeight="1" x14ac:dyDescent="0.2">
      <c r="A14" s="66" t="s">
        <v>588</v>
      </c>
      <c r="B14" s="912">
        <v>7047013200</v>
      </c>
      <c r="C14" s="913"/>
      <c r="D14" s="912">
        <v>2393154751.9099998</v>
      </c>
      <c r="E14" s="913"/>
      <c r="F14" s="728">
        <v>2308518861.3200002</v>
      </c>
      <c r="G14" s="729"/>
      <c r="H14" s="729"/>
      <c r="J14" s="643"/>
      <c r="K14" s="643"/>
      <c r="L14" s="643"/>
    </row>
    <row r="15" spans="1:12" ht="11.25" customHeight="1" x14ac:dyDescent="0.2">
      <c r="A15" s="129" t="s">
        <v>419</v>
      </c>
      <c r="B15" s="912">
        <v>5724506000</v>
      </c>
      <c r="C15" s="913"/>
      <c r="D15" s="912">
        <v>1922577429.4399998</v>
      </c>
      <c r="E15" s="913"/>
      <c r="F15" s="728">
        <v>1844333664.7</v>
      </c>
      <c r="G15" s="729"/>
      <c r="H15" s="729"/>
      <c r="J15" s="643"/>
      <c r="K15" s="643"/>
      <c r="L15" s="643"/>
    </row>
    <row r="16" spans="1:12" ht="11.25" customHeight="1" x14ac:dyDescent="0.2">
      <c r="A16" s="129" t="s">
        <v>420</v>
      </c>
      <c r="B16" s="912">
        <v>295507000</v>
      </c>
      <c r="C16" s="913"/>
      <c r="D16" s="912">
        <v>225713444.90000001</v>
      </c>
      <c r="E16" s="913"/>
      <c r="F16" s="728">
        <v>225401899.13</v>
      </c>
      <c r="G16" s="729"/>
      <c r="H16" s="729"/>
      <c r="J16" s="643"/>
      <c r="K16" s="643"/>
      <c r="L16" s="643"/>
    </row>
    <row r="17" spans="1:12" ht="11.25" customHeight="1" x14ac:dyDescent="0.2">
      <c r="A17" s="129" t="s">
        <v>421</v>
      </c>
      <c r="B17" s="912">
        <v>84640000</v>
      </c>
      <c r="C17" s="913"/>
      <c r="D17" s="914">
        <v>19857653.77</v>
      </c>
      <c r="E17" s="913"/>
      <c r="F17" s="728">
        <v>21835204.890000001</v>
      </c>
      <c r="G17" s="729"/>
      <c r="H17" s="729"/>
      <c r="J17" s="643"/>
      <c r="K17" s="643"/>
      <c r="L17" s="643"/>
    </row>
    <row r="18" spans="1:12" ht="11.25" customHeight="1" x14ac:dyDescent="0.2">
      <c r="A18" s="129" t="s">
        <v>418</v>
      </c>
      <c r="B18" s="912">
        <v>510400000</v>
      </c>
      <c r="C18" s="913"/>
      <c r="D18" s="912">
        <v>154914106.64999998</v>
      </c>
      <c r="E18" s="913"/>
      <c r="F18" s="728">
        <v>137748909.24000001</v>
      </c>
      <c r="G18" s="729"/>
      <c r="H18" s="729"/>
      <c r="J18" s="643"/>
      <c r="K18" s="643"/>
      <c r="L18" s="643"/>
    </row>
    <row r="19" spans="1:12" ht="11.25" customHeight="1" x14ac:dyDescent="0.2">
      <c r="A19" s="130" t="s">
        <v>422</v>
      </c>
      <c r="B19" s="912">
        <v>431960200</v>
      </c>
      <c r="C19" s="913"/>
      <c r="D19" s="912">
        <v>70092117.150000095</v>
      </c>
      <c r="E19" s="913"/>
      <c r="F19" s="728">
        <v>79199183.359999999</v>
      </c>
      <c r="G19" s="729"/>
      <c r="H19" s="729"/>
      <c r="J19" s="643"/>
      <c r="K19" s="643"/>
      <c r="L19" s="643"/>
    </row>
    <row r="20" spans="1:12" ht="11.25" customHeight="1" x14ac:dyDescent="0.2">
      <c r="A20" s="66" t="s">
        <v>589</v>
      </c>
      <c r="B20" s="912">
        <v>1568492900</v>
      </c>
      <c r="C20" s="913"/>
      <c r="D20" s="912">
        <v>259181311.67000002</v>
      </c>
      <c r="E20" s="913"/>
      <c r="F20" s="728">
        <v>95883812.030000001</v>
      </c>
      <c r="G20" s="729"/>
      <c r="H20" s="729"/>
      <c r="J20" s="643"/>
      <c r="K20" s="643"/>
      <c r="L20" s="643"/>
    </row>
    <row r="21" spans="1:12" ht="11.25" customHeight="1" x14ac:dyDescent="0.2">
      <c r="A21" s="66" t="s">
        <v>590</v>
      </c>
      <c r="B21" s="912">
        <v>1568492900</v>
      </c>
      <c r="C21" s="913"/>
      <c r="D21" s="912">
        <v>259181311.67000002</v>
      </c>
      <c r="E21" s="913"/>
      <c r="F21" s="728">
        <v>95620220.090000004</v>
      </c>
      <c r="G21" s="729"/>
      <c r="H21" s="729"/>
      <c r="J21" s="643"/>
      <c r="K21" s="643"/>
      <c r="L21" s="643"/>
    </row>
    <row r="22" spans="1:12" ht="11.25" customHeight="1" x14ac:dyDescent="0.2">
      <c r="A22" s="66" t="s">
        <v>155</v>
      </c>
      <c r="B22" s="912">
        <v>0</v>
      </c>
      <c r="C22" s="913"/>
      <c r="D22" s="912">
        <v>0</v>
      </c>
      <c r="E22" s="913"/>
      <c r="F22" s="728">
        <v>263591.94</v>
      </c>
      <c r="G22" s="729"/>
      <c r="H22" s="729"/>
      <c r="J22" s="643"/>
      <c r="K22" s="643"/>
      <c r="L22" s="643"/>
    </row>
    <row r="23" spans="1:12" ht="11.25" customHeight="1" x14ac:dyDescent="0.2">
      <c r="A23" s="66" t="s">
        <v>591</v>
      </c>
      <c r="B23" s="912">
        <v>68435400</v>
      </c>
      <c r="C23" s="913"/>
      <c r="D23" s="912">
        <v>2989655.8899999969</v>
      </c>
      <c r="E23" s="913"/>
      <c r="F23" s="728">
        <v>10713716.629999995</v>
      </c>
      <c r="G23" s="729"/>
      <c r="H23" s="729"/>
      <c r="J23" s="643"/>
      <c r="K23" s="643"/>
      <c r="L23" s="643"/>
    </row>
    <row r="24" spans="1:12" ht="11.25" customHeight="1" x14ac:dyDescent="0.2">
      <c r="A24" s="66" t="s">
        <v>312</v>
      </c>
      <c r="B24" s="912">
        <v>135829800</v>
      </c>
      <c r="C24" s="913"/>
      <c r="D24" s="912">
        <v>29902391.669999998</v>
      </c>
      <c r="E24" s="913"/>
      <c r="F24" s="728">
        <v>45217563.619999997</v>
      </c>
      <c r="G24" s="729"/>
      <c r="H24" s="729"/>
      <c r="J24" s="643"/>
      <c r="K24" s="643"/>
      <c r="L24" s="643"/>
    </row>
    <row r="25" spans="1:12" ht="11.25" customHeight="1" x14ac:dyDescent="0.2">
      <c r="A25" s="66" t="s">
        <v>592</v>
      </c>
      <c r="B25" s="912">
        <v>67394400</v>
      </c>
      <c r="C25" s="913"/>
      <c r="D25" s="912">
        <v>26912735.780000001</v>
      </c>
      <c r="E25" s="913"/>
      <c r="F25" s="728">
        <v>34503846.990000002</v>
      </c>
      <c r="G25" s="729"/>
      <c r="H25" s="729"/>
      <c r="J25" s="643"/>
      <c r="K25" s="643"/>
      <c r="L25" s="643"/>
    </row>
    <row r="26" spans="1:12" ht="11.25" customHeight="1" x14ac:dyDescent="0.2">
      <c r="A26" s="66" t="s">
        <v>182</v>
      </c>
      <c r="B26" s="912">
        <v>2984392800</v>
      </c>
      <c r="C26" s="913"/>
      <c r="D26" s="912">
        <v>793760228.48000014</v>
      </c>
      <c r="E26" s="913"/>
      <c r="F26" s="728">
        <v>827424441.50999999</v>
      </c>
      <c r="G26" s="729"/>
      <c r="H26" s="729"/>
      <c r="J26" s="643"/>
      <c r="K26" s="643"/>
      <c r="L26" s="643"/>
    </row>
    <row r="27" spans="1:12" ht="11.25" customHeight="1" x14ac:dyDescent="0.2">
      <c r="A27" s="73" t="s">
        <v>818</v>
      </c>
      <c r="B27" s="912">
        <v>856400000</v>
      </c>
      <c r="C27" s="913"/>
      <c r="D27" s="912">
        <v>295339006.15999997</v>
      </c>
      <c r="E27" s="913"/>
      <c r="F27" s="728">
        <v>278742488.29000002</v>
      </c>
      <c r="G27" s="729"/>
      <c r="H27" s="729"/>
      <c r="J27" s="643"/>
      <c r="K27" s="643"/>
      <c r="L27" s="643"/>
    </row>
    <row r="28" spans="1:12" ht="11.25" customHeight="1" x14ac:dyDescent="0.2">
      <c r="A28" s="66" t="s">
        <v>593</v>
      </c>
      <c r="B28" s="912">
        <v>283978900</v>
      </c>
      <c r="C28" s="913"/>
      <c r="D28" s="912">
        <v>5249340.72</v>
      </c>
      <c r="E28" s="913"/>
      <c r="F28" s="728">
        <v>21586880.190000001</v>
      </c>
      <c r="G28" s="729"/>
      <c r="H28" s="729"/>
      <c r="J28" s="643"/>
      <c r="K28" s="643"/>
      <c r="L28" s="643"/>
    </row>
    <row r="29" spans="1:12" ht="11.25" customHeight="1" x14ac:dyDescent="0.2">
      <c r="A29" s="66" t="s">
        <v>594</v>
      </c>
      <c r="B29" s="912">
        <v>1844013900</v>
      </c>
      <c r="C29" s="913"/>
      <c r="D29" s="912">
        <v>493171881.60000014</v>
      </c>
      <c r="E29" s="913"/>
      <c r="F29" s="728">
        <v>527095073.02999997</v>
      </c>
      <c r="G29" s="729"/>
      <c r="H29" s="729"/>
      <c r="J29" s="643"/>
      <c r="K29" s="643"/>
      <c r="L29" s="643"/>
    </row>
    <row r="30" spans="1:12" ht="11.25" customHeight="1" x14ac:dyDescent="0.2">
      <c r="A30" s="66" t="s">
        <v>595</v>
      </c>
      <c r="B30" s="912">
        <v>666655442.73000002</v>
      </c>
      <c r="C30" s="913"/>
      <c r="D30" s="912">
        <v>230848647.91</v>
      </c>
      <c r="E30" s="913"/>
      <c r="F30" s="728">
        <v>555958131.18000007</v>
      </c>
      <c r="G30" s="729"/>
      <c r="H30" s="729"/>
      <c r="J30" s="643"/>
      <c r="K30" s="643"/>
      <c r="L30" s="643"/>
    </row>
    <row r="31" spans="1:12" ht="11.25" customHeight="1" x14ac:dyDescent="0.2">
      <c r="A31" s="66" t="s">
        <v>596</v>
      </c>
      <c r="B31" s="912">
        <v>9180000</v>
      </c>
      <c r="C31" s="913"/>
      <c r="D31" s="912">
        <v>4091101.76</v>
      </c>
      <c r="E31" s="913"/>
      <c r="F31" s="728">
        <v>5567599.96</v>
      </c>
      <c r="G31" s="729"/>
      <c r="H31" s="729"/>
      <c r="J31" s="643"/>
      <c r="K31" s="643"/>
      <c r="L31" s="643"/>
    </row>
    <row r="32" spans="1:12" ht="11.25" customHeight="1" x14ac:dyDescent="0.2">
      <c r="A32" s="66" t="s">
        <v>597</v>
      </c>
      <c r="B32" s="912">
        <v>657475442.73000002</v>
      </c>
      <c r="C32" s="913"/>
      <c r="D32" s="912">
        <v>226757546.15000001</v>
      </c>
      <c r="E32" s="913"/>
      <c r="F32" s="728">
        <v>550390531.22000003</v>
      </c>
      <c r="G32" s="729"/>
      <c r="H32" s="729"/>
      <c r="J32" s="643"/>
      <c r="K32" s="643"/>
      <c r="L32" s="643"/>
    </row>
    <row r="33" spans="1:12" s="236" customFormat="1" ht="11.25" customHeight="1" x14ac:dyDescent="0.2">
      <c r="A33" s="72" t="s">
        <v>598</v>
      </c>
      <c r="B33" s="918">
        <v>710018100</v>
      </c>
      <c r="C33" s="919"/>
      <c r="D33" s="918">
        <v>174991198.54999998</v>
      </c>
      <c r="E33" s="919"/>
      <c r="F33" s="744">
        <v>195551371.41999999</v>
      </c>
      <c r="G33" s="745"/>
      <c r="H33" s="745"/>
      <c r="J33" s="643"/>
      <c r="K33" s="643"/>
      <c r="L33" s="643"/>
    </row>
    <row r="34" spans="1:12" ht="11.25" customHeight="1" x14ac:dyDescent="0.2">
      <c r="A34" s="66" t="s">
        <v>599</v>
      </c>
      <c r="B34" s="912">
        <v>36288000</v>
      </c>
      <c r="C34" s="913"/>
      <c r="D34" s="912">
        <v>0</v>
      </c>
      <c r="E34" s="913"/>
      <c r="F34" s="728">
        <v>1737628.09</v>
      </c>
      <c r="G34" s="729"/>
      <c r="H34" s="729"/>
      <c r="J34" s="643"/>
      <c r="K34" s="643"/>
      <c r="L34" s="643"/>
    </row>
    <row r="35" spans="1:12" ht="11.25" customHeight="1" x14ac:dyDescent="0.2">
      <c r="A35" s="66" t="s">
        <v>600</v>
      </c>
      <c r="B35" s="912">
        <v>2054800</v>
      </c>
      <c r="C35" s="913"/>
      <c r="D35" s="912">
        <v>582783.06999999995</v>
      </c>
      <c r="E35" s="913"/>
      <c r="F35" s="728">
        <v>737681.08</v>
      </c>
      <c r="G35" s="729"/>
      <c r="H35" s="729"/>
      <c r="J35" s="643"/>
      <c r="K35" s="643"/>
      <c r="L35" s="643"/>
    </row>
    <row r="36" spans="1:12" s="236" customFormat="1" ht="11.25" customHeight="1" x14ac:dyDescent="0.2">
      <c r="A36" s="66" t="s">
        <v>883</v>
      </c>
      <c r="B36" s="912">
        <v>7652000</v>
      </c>
      <c r="C36" s="913"/>
      <c r="D36" s="912">
        <v>288083.33999999997</v>
      </c>
      <c r="E36" s="913"/>
      <c r="F36" s="728">
        <v>1156504.05</v>
      </c>
      <c r="G36" s="729"/>
      <c r="H36" s="729"/>
      <c r="J36" s="643"/>
      <c r="K36" s="643"/>
      <c r="L36" s="643"/>
    </row>
    <row r="37" spans="1:12" ht="11.25" customHeight="1" x14ac:dyDescent="0.2">
      <c r="A37" s="66" t="s">
        <v>601</v>
      </c>
      <c r="B37" s="912">
        <v>664023300</v>
      </c>
      <c r="C37" s="913"/>
      <c r="D37" s="912">
        <v>174120332.13999999</v>
      </c>
      <c r="E37" s="913"/>
      <c r="F37" s="728">
        <v>191919558.19999999</v>
      </c>
      <c r="G37" s="729"/>
      <c r="H37" s="729"/>
      <c r="J37" s="643"/>
      <c r="K37" s="643"/>
      <c r="L37" s="643"/>
    </row>
    <row r="38" spans="1:12" ht="11.25" customHeight="1" x14ac:dyDescent="0.2">
      <c r="A38" s="66" t="s">
        <v>593</v>
      </c>
      <c r="B38" s="912">
        <v>219840300</v>
      </c>
      <c r="C38" s="913"/>
      <c r="D38" s="912">
        <v>22792758.789999999</v>
      </c>
      <c r="E38" s="913"/>
      <c r="F38" s="728">
        <v>20926191.25</v>
      </c>
      <c r="G38" s="729"/>
      <c r="H38" s="729"/>
      <c r="J38" s="643"/>
      <c r="K38" s="643"/>
      <c r="L38" s="643"/>
    </row>
    <row r="39" spans="1:12" ht="11.25" customHeight="1" x14ac:dyDescent="0.2">
      <c r="A39" s="66" t="s">
        <v>602</v>
      </c>
      <c r="B39" s="912">
        <v>444183000</v>
      </c>
      <c r="C39" s="913"/>
      <c r="D39" s="912">
        <v>151327573.34999999</v>
      </c>
      <c r="E39" s="913"/>
      <c r="F39" s="728">
        <v>170993366.94999999</v>
      </c>
      <c r="G39" s="729"/>
      <c r="H39" s="729"/>
      <c r="J39" s="643"/>
      <c r="K39" s="643"/>
      <c r="L39" s="643"/>
    </row>
    <row r="40" spans="1:12" ht="11.25" customHeight="1" x14ac:dyDescent="0.2">
      <c r="A40" s="66" t="s">
        <v>203</v>
      </c>
      <c r="B40" s="912">
        <v>0</v>
      </c>
      <c r="C40" s="913"/>
      <c r="D40" s="912">
        <v>0</v>
      </c>
      <c r="E40" s="913"/>
      <c r="F40" s="728">
        <v>0</v>
      </c>
      <c r="G40" s="729"/>
      <c r="H40" s="729"/>
      <c r="J40" s="643"/>
      <c r="K40" s="643"/>
      <c r="L40" s="643"/>
    </row>
    <row r="41" spans="1:12" s="236" customFormat="1" ht="11.25" customHeight="1" x14ac:dyDescent="0.2">
      <c r="A41" s="72" t="s">
        <v>603</v>
      </c>
      <c r="B41" s="918">
        <v>664023300</v>
      </c>
      <c r="C41" s="919"/>
      <c r="D41" s="918">
        <v>174120332.13999999</v>
      </c>
      <c r="E41" s="919"/>
      <c r="F41" s="744">
        <v>191919558.19999996</v>
      </c>
      <c r="G41" s="745"/>
      <c r="H41" s="745"/>
      <c r="J41" s="643"/>
      <c r="K41" s="643"/>
      <c r="L41" s="643"/>
    </row>
    <row r="42" spans="1:12" s="236" customFormat="1" ht="15" customHeight="1" x14ac:dyDescent="0.2">
      <c r="A42" s="252" t="s">
        <v>604</v>
      </c>
      <c r="B42" s="920">
        <v>12999013042.73</v>
      </c>
      <c r="C42" s="921"/>
      <c r="D42" s="920">
        <v>3854054927.9999995</v>
      </c>
      <c r="E42" s="921"/>
      <c r="F42" s="755">
        <v>3990418520.8700008</v>
      </c>
      <c r="G42" s="756"/>
      <c r="H42" s="756"/>
    </row>
    <row r="43" spans="1:12" ht="5.0999999999999996" customHeight="1" x14ac:dyDescent="0.2">
      <c r="A43" s="74"/>
      <c r="B43" s="697"/>
      <c r="C43" s="243"/>
      <c r="D43" s="243"/>
    </row>
    <row r="44" spans="1:12" s="236" customFormat="1" ht="30.75" customHeight="1" x14ac:dyDescent="0.2">
      <c r="A44" s="748" t="s">
        <v>605</v>
      </c>
      <c r="B44" s="231" t="s">
        <v>157</v>
      </c>
      <c r="C44" s="859" t="s">
        <v>158</v>
      </c>
      <c r="D44" s="858"/>
      <c r="E44" s="859" t="s">
        <v>159</v>
      </c>
      <c r="F44" s="858"/>
      <c r="G44" s="871" t="s">
        <v>348</v>
      </c>
      <c r="H44" s="857"/>
    </row>
    <row r="45" spans="1:12" s="236" customFormat="1" ht="11.25" customHeight="1" x14ac:dyDescent="0.2">
      <c r="A45" s="749"/>
      <c r="B45" s="792" t="s">
        <v>112</v>
      </c>
      <c r="C45" s="233" t="s">
        <v>115</v>
      </c>
      <c r="D45" s="233" t="s">
        <v>115</v>
      </c>
      <c r="E45" s="233" t="s">
        <v>115</v>
      </c>
      <c r="F45" s="233" t="s">
        <v>115</v>
      </c>
      <c r="G45" s="871" t="s">
        <v>754</v>
      </c>
      <c r="H45" s="871" t="s">
        <v>755</v>
      </c>
    </row>
    <row r="46" spans="1:12" s="236" customFormat="1" ht="17.25" customHeight="1" x14ac:dyDescent="0.2">
      <c r="A46" s="750"/>
      <c r="B46" s="915"/>
      <c r="C46" s="238">
        <v>2015</v>
      </c>
      <c r="D46" s="241">
        <v>2014</v>
      </c>
      <c r="E46" s="238">
        <v>2015</v>
      </c>
      <c r="F46" s="241">
        <v>2014</v>
      </c>
      <c r="G46" s="847"/>
      <c r="H46" s="847"/>
    </row>
    <row r="47" spans="1:12" s="236" customFormat="1" ht="11.25" customHeight="1" x14ac:dyDescent="0.2">
      <c r="A47" s="72" t="s">
        <v>606</v>
      </c>
      <c r="B47" s="437">
        <v>11041364036</v>
      </c>
      <c r="C47" s="437">
        <v>4577615440.2700005</v>
      </c>
      <c r="D47" s="437">
        <v>4091685748.4099998</v>
      </c>
      <c r="E47" s="437">
        <v>3644461045.8899999</v>
      </c>
      <c r="F47" s="645">
        <v>3235669739.8099999</v>
      </c>
      <c r="G47" s="721"/>
      <c r="H47" s="467"/>
    </row>
    <row r="48" spans="1:12" ht="11.25" customHeight="1" x14ac:dyDescent="0.2">
      <c r="A48" s="66" t="s">
        <v>206</v>
      </c>
      <c r="B48" s="438">
        <v>5850819164</v>
      </c>
      <c r="C48" s="438">
        <v>2748774488.8800001</v>
      </c>
      <c r="D48" s="647">
        <v>2258422008.7399998</v>
      </c>
      <c r="E48" s="438">
        <v>2174553111.1500001</v>
      </c>
      <c r="F48" s="644">
        <v>1827998216.8599999</v>
      </c>
      <c r="G48" s="722"/>
      <c r="H48" s="635"/>
    </row>
    <row r="49" spans="1:8" ht="11.25" customHeight="1" x14ac:dyDescent="0.2">
      <c r="A49" s="66" t="s">
        <v>607</v>
      </c>
      <c r="B49" s="438">
        <v>265727700</v>
      </c>
      <c r="C49" s="438">
        <v>89546800</v>
      </c>
      <c r="D49" s="647">
        <v>84368600</v>
      </c>
      <c r="E49" s="438">
        <v>87952830.579999998</v>
      </c>
      <c r="F49" s="644">
        <v>79188364.200000003</v>
      </c>
      <c r="G49" s="438"/>
      <c r="H49" s="635"/>
    </row>
    <row r="50" spans="1:8" ht="11.25" customHeight="1" x14ac:dyDescent="0.2">
      <c r="A50" s="66" t="s">
        <v>207</v>
      </c>
      <c r="B50" s="438">
        <v>4924817172</v>
      </c>
      <c r="C50" s="438">
        <v>1739294151.3899999</v>
      </c>
      <c r="D50" s="647">
        <v>1748895139.6700001</v>
      </c>
      <c r="E50" s="438">
        <v>1381955104.1599998</v>
      </c>
      <c r="F50" s="644">
        <v>1328483158.75</v>
      </c>
      <c r="G50" s="438"/>
      <c r="H50" s="635"/>
    </row>
    <row r="51" spans="1:8" ht="11.25" customHeight="1" x14ac:dyDescent="0.2">
      <c r="A51" s="133" t="s">
        <v>621</v>
      </c>
      <c r="B51" s="438">
        <v>2064373230.1800001</v>
      </c>
      <c r="C51" s="438">
        <v>743068068.10000002</v>
      </c>
      <c r="D51" s="647">
        <v>765154000</v>
      </c>
      <c r="E51" s="438">
        <v>732356943.13</v>
      </c>
      <c r="F51" s="644">
        <v>700729586.98000002</v>
      </c>
      <c r="G51" s="438"/>
      <c r="H51" s="635"/>
    </row>
    <row r="52" spans="1:8" ht="11.25" customHeight="1" x14ac:dyDescent="0.2">
      <c r="A52" s="133" t="s">
        <v>539</v>
      </c>
      <c r="B52" s="438">
        <v>2860443941.8199997</v>
      </c>
      <c r="C52" s="438">
        <v>996226083.28999996</v>
      </c>
      <c r="D52" s="647">
        <v>983741139.66999996</v>
      </c>
      <c r="E52" s="438">
        <v>649598161.02999997</v>
      </c>
      <c r="F52" s="644">
        <v>627753571.76999998</v>
      </c>
      <c r="G52" s="438"/>
      <c r="H52" s="635"/>
    </row>
    <row r="53" spans="1:8" s="236" customFormat="1" ht="11.25" customHeight="1" x14ac:dyDescent="0.2">
      <c r="A53" s="72" t="s">
        <v>608</v>
      </c>
      <c r="B53" s="437">
        <v>10775636336</v>
      </c>
      <c r="C53" s="437">
        <v>4488068640.2700005</v>
      </c>
      <c r="D53" s="437">
        <v>4007317148.4099998</v>
      </c>
      <c r="E53" s="437">
        <v>3556508215.3099999</v>
      </c>
      <c r="F53" s="648">
        <v>3156481375.6100001</v>
      </c>
      <c r="G53" s="440"/>
      <c r="H53" s="466"/>
    </row>
    <row r="54" spans="1:8" s="236" customFormat="1" ht="11.25" customHeight="1" x14ac:dyDescent="0.2">
      <c r="A54" s="52" t="s">
        <v>609</v>
      </c>
      <c r="B54" s="437">
        <v>2053108096</v>
      </c>
      <c r="C54" s="437">
        <v>580999124.82999992</v>
      </c>
      <c r="D54" s="437">
        <v>1212018271.47</v>
      </c>
      <c r="E54" s="437">
        <v>399528226.46000004</v>
      </c>
      <c r="F54" s="645">
        <v>576423124.73000002</v>
      </c>
      <c r="G54" s="437"/>
      <c r="H54" s="466"/>
    </row>
    <row r="55" spans="1:8" ht="11.25" customHeight="1" x14ac:dyDescent="0.2">
      <c r="A55" s="66" t="s">
        <v>579</v>
      </c>
      <c r="B55" s="438">
        <v>1339825022</v>
      </c>
      <c r="C55" s="438">
        <v>300630820.06999999</v>
      </c>
      <c r="D55" s="630">
        <v>917269763.34000003</v>
      </c>
      <c r="E55" s="438">
        <v>121266063.26000001</v>
      </c>
      <c r="F55" s="644">
        <v>306911681.56999999</v>
      </c>
      <c r="G55" s="438"/>
      <c r="H55" s="635"/>
    </row>
    <row r="56" spans="1:8" ht="11.25" customHeight="1" x14ac:dyDescent="0.2">
      <c r="A56" s="66" t="s">
        <v>241</v>
      </c>
      <c r="B56" s="438">
        <v>2344974</v>
      </c>
      <c r="C56" s="438">
        <v>356304.76</v>
      </c>
      <c r="D56" s="438">
        <v>39564608.130000003</v>
      </c>
      <c r="E56" s="438">
        <v>258246.76</v>
      </c>
      <c r="F56" s="644">
        <v>20563329.899999999</v>
      </c>
      <c r="G56" s="438"/>
      <c r="H56" s="635"/>
    </row>
    <row r="57" spans="1:8" ht="11.25" customHeight="1" x14ac:dyDescent="0.2">
      <c r="A57" s="66" t="s">
        <v>610</v>
      </c>
      <c r="B57" s="438">
        <v>0</v>
      </c>
      <c r="C57" s="438">
        <v>356174</v>
      </c>
      <c r="D57" s="644">
        <v>614413.13</v>
      </c>
      <c r="E57" s="438">
        <v>258116</v>
      </c>
      <c r="F57" s="644">
        <v>614413.13</v>
      </c>
      <c r="G57" s="438"/>
      <c r="H57" s="646"/>
    </row>
    <row r="58" spans="1:8" ht="11.25" customHeight="1" x14ac:dyDescent="0.2">
      <c r="A58" s="66" t="s">
        <v>611</v>
      </c>
      <c r="B58" s="438">
        <v>0</v>
      </c>
      <c r="C58" s="438">
        <v>0</v>
      </c>
      <c r="D58" s="630">
        <v>0</v>
      </c>
      <c r="E58" s="438">
        <v>0</v>
      </c>
      <c r="F58" s="644">
        <v>0</v>
      </c>
      <c r="G58" s="438"/>
      <c r="H58" s="635"/>
    </row>
    <row r="59" spans="1:8" ht="11.25" customHeight="1" x14ac:dyDescent="0.2">
      <c r="A59" s="66" t="s">
        <v>612</v>
      </c>
      <c r="B59" s="438">
        <v>2344974</v>
      </c>
      <c r="C59" s="438">
        <v>130.76000000000931</v>
      </c>
      <c r="D59" s="630">
        <v>38950195</v>
      </c>
      <c r="E59" s="438">
        <v>130.76000000000931</v>
      </c>
      <c r="F59" s="644">
        <v>19948916.77</v>
      </c>
      <c r="G59" s="438"/>
      <c r="H59" s="635"/>
    </row>
    <row r="60" spans="1:8" ht="11.25" customHeight="1" x14ac:dyDescent="0.2">
      <c r="A60" s="66" t="s">
        <v>613</v>
      </c>
      <c r="B60" s="438">
        <v>710938100</v>
      </c>
      <c r="C60" s="438">
        <v>280012000</v>
      </c>
      <c r="D60" s="630">
        <v>255183900</v>
      </c>
      <c r="E60" s="438">
        <v>278003916.44</v>
      </c>
      <c r="F60" s="644">
        <v>248948113.25999999</v>
      </c>
      <c r="G60" s="438"/>
      <c r="H60" s="635"/>
    </row>
    <row r="61" spans="1:8" s="236" customFormat="1" ht="11.25" customHeight="1" x14ac:dyDescent="0.2">
      <c r="A61" s="52" t="s">
        <v>614</v>
      </c>
      <c r="B61" s="437">
        <v>1342169996</v>
      </c>
      <c r="C61" s="437">
        <v>300630950.82999992</v>
      </c>
      <c r="D61" s="437">
        <v>956219958.33999991</v>
      </c>
      <c r="E61" s="437">
        <v>121266194.02000004</v>
      </c>
      <c r="F61" s="645">
        <v>326860598.34000003</v>
      </c>
      <c r="G61" s="437"/>
      <c r="H61" s="466"/>
    </row>
    <row r="62" spans="1:8" s="236" customFormat="1" ht="11.25" customHeight="1" x14ac:dyDescent="0.2">
      <c r="A62" s="52" t="s">
        <v>615</v>
      </c>
      <c r="B62" s="437">
        <v>87915000</v>
      </c>
      <c r="C62" s="437">
        <v>0</v>
      </c>
      <c r="D62" s="645">
        <v>0</v>
      </c>
      <c r="E62" s="437">
        <v>0</v>
      </c>
      <c r="F62" s="645">
        <v>0</v>
      </c>
      <c r="G62" s="437"/>
      <c r="H62" s="468"/>
    </row>
    <row r="63" spans="1:8" s="236" customFormat="1" ht="11.25" customHeight="1" x14ac:dyDescent="0.2">
      <c r="A63" s="52" t="s">
        <v>616</v>
      </c>
      <c r="B63" s="437">
        <v>28960200</v>
      </c>
      <c r="C63" s="437">
        <v>0</v>
      </c>
      <c r="D63" s="645">
        <v>0</v>
      </c>
      <c r="E63" s="437">
        <v>0</v>
      </c>
      <c r="F63" s="645">
        <v>0</v>
      </c>
      <c r="G63" s="437"/>
      <c r="H63" s="469"/>
    </row>
    <row r="64" spans="1:8" s="236" customFormat="1" ht="15" customHeight="1" x14ac:dyDescent="0.2">
      <c r="A64" s="135" t="s">
        <v>617</v>
      </c>
      <c r="B64" s="378">
        <v>12234681532</v>
      </c>
      <c r="C64" s="378">
        <v>4788699591.1000004</v>
      </c>
      <c r="D64" s="378">
        <v>4963537106.75</v>
      </c>
      <c r="E64" s="378">
        <v>3677774409.3299999</v>
      </c>
      <c r="F64" s="465">
        <v>3483341973.9500003</v>
      </c>
      <c r="G64" s="378">
        <v>0</v>
      </c>
      <c r="H64" s="387">
        <v>0</v>
      </c>
    </row>
    <row r="65" spans="1:8" ht="5.0999999999999996" customHeight="1" x14ac:dyDescent="0.2">
      <c r="A65" s="134"/>
      <c r="B65" s="26"/>
      <c r="C65" s="29"/>
      <c r="D65" s="29"/>
      <c r="F65" s="242"/>
      <c r="G65" s="518"/>
      <c r="H65" s="242"/>
    </row>
    <row r="66" spans="1:8" s="236" customFormat="1" ht="15" customHeight="1" x14ac:dyDescent="0.2">
      <c r="A66" s="135" t="s">
        <v>618</v>
      </c>
      <c r="B66" s="531">
        <v>764331510.72999954</v>
      </c>
      <c r="C66" s="531"/>
      <c r="D66" s="532"/>
      <c r="E66" s="531">
        <v>176280518.6699996</v>
      </c>
      <c r="F66" s="531">
        <v>507076546.92000055</v>
      </c>
      <c r="G66" s="531">
        <v>0</v>
      </c>
      <c r="H66" s="261"/>
    </row>
    <row r="67" spans="1:8" ht="5.0999999999999996" customHeight="1" x14ac:dyDescent="0.2">
      <c r="A67" s="134"/>
      <c r="B67" s="26"/>
      <c r="C67" s="29"/>
      <c r="D67" s="29"/>
      <c r="F67" s="242"/>
      <c r="H67" s="242"/>
    </row>
    <row r="68" spans="1:8" s="236" customFormat="1" ht="15" customHeight="1" x14ac:dyDescent="0.2">
      <c r="A68" s="135" t="s">
        <v>619</v>
      </c>
      <c r="B68" s="239"/>
      <c r="C68" s="232"/>
      <c r="D68" s="232"/>
      <c r="E68" s="132"/>
      <c r="F68" s="132"/>
      <c r="G68" s="132"/>
      <c r="H68" s="132"/>
    </row>
    <row r="69" spans="1:8" ht="5.0999999999999996" customHeight="1" x14ac:dyDescent="0.2">
      <c r="A69" s="66"/>
      <c r="B69" s="243"/>
      <c r="C69" s="243"/>
      <c r="D69" s="243"/>
    </row>
    <row r="70" spans="1:8" s="257" customFormat="1" ht="11.25" customHeight="1" x14ac:dyDescent="0.2">
      <c r="A70" s="906" t="s">
        <v>570</v>
      </c>
      <c r="B70" s="906"/>
      <c r="C70" s="906"/>
      <c r="D70" s="907"/>
      <c r="E70" s="820" t="s">
        <v>571</v>
      </c>
      <c r="F70" s="821"/>
      <c r="G70" s="821"/>
      <c r="H70" s="821"/>
    </row>
    <row r="71" spans="1:8" s="257" customFormat="1" ht="11.25" customHeight="1" x14ac:dyDescent="0.2">
      <c r="A71" s="908"/>
      <c r="B71" s="908"/>
      <c r="C71" s="908"/>
      <c r="D71" s="909"/>
      <c r="E71" s="850"/>
      <c r="F71" s="882"/>
      <c r="G71" s="882"/>
      <c r="H71" s="882"/>
    </row>
    <row r="72" spans="1:8" ht="15" customHeight="1" x14ac:dyDescent="0.2">
      <c r="A72" s="910" t="s">
        <v>620</v>
      </c>
      <c r="B72" s="910"/>
      <c r="C72" s="910"/>
      <c r="D72" s="911"/>
      <c r="E72" s="904">
        <v>471749000</v>
      </c>
      <c r="F72" s="905"/>
      <c r="G72" s="905"/>
      <c r="H72" s="905"/>
    </row>
    <row r="73" spans="1:8" ht="11.25" customHeight="1" x14ac:dyDescent="0.2">
      <c r="A73" s="53" t="s">
        <v>877</v>
      </c>
      <c r="B73" s="175"/>
      <c r="C73" s="175"/>
      <c r="D73" s="175"/>
      <c r="E73" s="175"/>
      <c r="F73" s="175"/>
      <c r="G73" s="175"/>
      <c r="H73" s="337"/>
    </row>
    <row r="74" spans="1:8" s="242" customFormat="1" ht="11.25" customHeight="1" x14ac:dyDescent="0.2">
      <c r="B74" s="723"/>
      <c r="C74" s="723"/>
      <c r="D74" s="723"/>
      <c r="E74" s="723"/>
      <c r="F74" s="723"/>
    </row>
    <row r="75" spans="1:8" s="581" customFormat="1" ht="11.25" customHeight="1" x14ac:dyDescent="0.2">
      <c r="C75" s="720"/>
      <c r="D75" s="720"/>
      <c r="E75" s="720"/>
      <c r="F75" s="720"/>
    </row>
    <row r="76" spans="1:8" s="581" customFormat="1" ht="11.25" customHeight="1" x14ac:dyDescent="0.2"/>
    <row r="79" spans="1:8" ht="11.25" customHeight="1" x14ac:dyDescent="0.2">
      <c r="C79" s="511"/>
    </row>
    <row r="80" spans="1:8" ht="11.25" customHeight="1" x14ac:dyDescent="0.2">
      <c r="C80" s="511"/>
    </row>
    <row r="81" spans="3:3" ht="11.25" customHeight="1" x14ac:dyDescent="0.2">
      <c r="C81" s="511"/>
    </row>
    <row r="82" spans="3:3" ht="11.25" customHeight="1" x14ac:dyDescent="0.2">
      <c r="C82" s="511"/>
    </row>
    <row r="83" spans="3:3" ht="11.25" customHeight="1" x14ac:dyDescent="0.2">
      <c r="C83" s="511"/>
    </row>
    <row r="84" spans="3:3" ht="11.25" customHeight="1" x14ac:dyDescent="0.2">
      <c r="C84" s="511"/>
    </row>
    <row r="85" spans="3:3" ht="11.25" customHeight="1" x14ac:dyDescent="0.2">
      <c r="C85" s="511"/>
    </row>
    <row r="86" spans="3:3" ht="11.25" customHeight="1" x14ac:dyDescent="0.2">
      <c r="C86" s="511"/>
    </row>
    <row r="87" spans="3:3" ht="11.25" customHeight="1" x14ac:dyDescent="0.2">
      <c r="C87" s="511"/>
    </row>
    <row r="88" spans="3:3" ht="11.25" customHeight="1" x14ac:dyDescent="0.2">
      <c r="C88" s="511"/>
    </row>
    <row r="89" spans="3:3" ht="11.25" customHeight="1" x14ac:dyDescent="0.2">
      <c r="C89" s="511"/>
    </row>
    <row r="90" spans="3:3" ht="11.25" customHeight="1" x14ac:dyDescent="0.2">
      <c r="C90" s="511"/>
    </row>
    <row r="91" spans="3:3" ht="11.25" customHeight="1" x14ac:dyDescent="0.2">
      <c r="C91" s="511"/>
    </row>
    <row r="92" spans="3:3" ht="11.25" customHeight="1" x14ac:dyDescent="0.2">
      <c r="C92" s="511"/>
    </row>
  </sheetData>
  <customSheetViews>
    <customSheetView guid="{6DBFA32C-4AA4-4E1D-9A48-697377C64CC3}" showPageBreaks="1" showGridLines="0" fitToPage="1" printArea="1" hiddenColumns="1">
      <selection activeCell="J53" sqref="J53"/>
      <pageMargins left="0.19685039370078741" right="0.19685039370078741" top="0.39370078740157483" bottom="0.19685039370078741" header="0" footer="0"/>
      <printOptions horizontalCentered="1"/>
      <pageSetup paperSize="9" scale="59" orientation="portrait" r:id="rId1"/>
      <headerFooter alignWithMargins="0"/>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2"/>
      <headerFooter alignWithMargins="0">
        <oddFooter>&amp;A</oddFooter>
      </headerFooter>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3"/>
      <headerFooter alignWithMargins="0">
        <oddFooter>&amp;A</oddFooter>
      </headerFooter>
    </customSheetView>
    <customSheetView guid="{82EDB5A4-4824-4632-A540-7A52C92F04C7}" showPageBreaks="1" showGridLines="0" fitToPage="1" printArea="1" topLeftCell="B34">
      <selection activeCell="F66" sqref="F66"/>
      <pageMargins left="0.19685039370078741" right="0.19685039370078741" top="0.59055118110236227" bottom="0.19685039370078741" header="0" footer="0"/>
      <printOptions horizontalCentered="1"/>
      <pageSetup paperSize="9" scale="49" orientation="landscape" r:id="rId4"/>
      <headerFooter alignWithMargins="0"/>
    </customSheetView>
    <customSheetView guid="{3AAF6A5F-F9AA-430B-9AD9-1261ECDF41B5}" scale="90" showPageBreaks="1" showGridLines="0" fitToPage="1" printArea="1" topLeftCell="A40">
      <selection activeCell="D66" sqref="D66"/>
      <pageMargins left="0.31496062992125984" right="0.27559055118110237" top="0.59055118110236227" bottom="0.39370078740157483" header="0" footer="0.19685039370078741"/>
      <printOptions horizontalCentered="1"/>
      <pageSetup paperSize="9" scale="53" orientation="portrait" r:id="rId5"/>
      <headerFooter alignWithMargins="0"/>
    </customSheetView>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54" orientation="portrait" r:id="rId6"/>
      <headerFooter alignWithMargins="0"/>
    </customSheetView>
    <customSheetView guid="{25EF1E0D-169B-4051-B414-7E1196FC05E4}" showPageBreaks="1" showGridLines="0" fitToPage="1" printArea="1" topLeftCell="A10">
      <selection activeCell="D20" sqref="D20:E20"/>
      <pageMargins left="0.19685039370078741" right="0.19685039370078741" top="0.19685039370078741" bottom="0.19685039370078741" header="0" footer="0"/>
      <printOptions horizontalCentered="1"/>
      <pageSetup paperSize="9" scale="54" orientation="portrait" r:id="rId7"/>
      <headerFooter alignWithMargins="0"/>
    </customSheetView>
  </customSheetViews>
  <mergeCells count="113">
    <mergeCell ref="B41:C41"/>
    <mergeCell ref="D41:E41"/>
    <mergeCell ref="F41:H41"/>
    <mergeCell ref="B42:C42"/>
    <mergeCell ref="D42:E42"/>
    <mergeCell ref="F42:H42"/>
    <mergeCell ref="B39:C39"/>
    <mergeCell ref="D39:E39"/>
    <mergeCell ref="F39:H39"/>
    <mergeCell ref="B40:C40"/>
    <mergeCell ref="D40:E40"/>
    <mergeCell ref="F40:H40"/>
    <mergeCell ref="B37:C37"/>
    <mergeCell ref="D37:E37"/>
    <mergeCell ref="F37:H37"/>
    <mergeCell ref="B38:C38"/>
    <mergeCell ref="D38:E38"/>
    <mergeCell ref="F38:H38"/>
    <mergeCell ref="B35:C35"/>
    <mergeCell ref="D35:E35"/>
    <mergeCell ref="F35:H35"/>
    <mergeCell ref="B36:C36"/>
    <mergeCell ref="D36:E36"/>
    <mergeCell ref="F36:H36"/>
    <mergeCell ref="B33:C33"/>
    <mergeCell ref="D33:E33"/>
    <mergeCell ref="F33:H33"/>
    <mergeCell ref="B34:C34"/>
    <mergeCell ref="D34:E34"/>
    <mergeCell ref="F34:H34"/>
    <mergeCell ref="B31:C31"/>
    <mergeCell ref="D31:E31"/>
    <mergeCell ref="F31:H31"/>
    <mergeCell ref="B32:C32"/>
    <mergeCell ref="D32:E32"/>
    <mergeCell ref="F32:H32"/>
    <mergeCell ref="B29:C29"/>
    <mergeCell ref="D29:E29"/>
    <mergeCell ref="F29:H29"/>
    <mergeCell ref="B30:C30"/>
    <mergeCell ref="D30:E30"/>
    <mergeCell ref="F30:H30"/>
    <mergeCell ref="B27:C27"/>
    <mergeCell ref="D27:E27"/>
    <mergeCell ref="F27:H27"/>
    <mergeCell ref="B28:C28"/>
    <mergeCell ref="D28:E28"/>
    <mergeCell ref="F28:H28"/>
    <mergeCell ref="B20:C20"/>
    <mergeCell ref="D20:E20"/>
    <mergeCell ref="F20:H20"/>
    <mergeCell ref="B25:C25"/>
    <mergeCell ref="D25:E25"/>
    <mergeCell ref="F25:H25"/>
    <mergeCell ref="B19:C19"/>
    <mergeCell ref="D19:E19"/>
    <mergeCell ref="B26:C26"/>
    <mergeCell ref="D26:E26"/>
    <mergeCell ref="F26:H26"/>
    <mergeCell ref="B23:C23"/>
    <mergeCell ref="D23:E23"/>
    <mergeCell ref="F23:H23"/>
    <mergeCell ref="B24:C24"/>
    <mergeCell ref="D24:E24"/>
    <mergeCell ref="F24:H24"/>
    <mergeCell ref="A4:H4"/>
    <mergeCell ref="A3:H3"/>
    <mergeCell ref="E44:F44"/>
    <mergeCell ref="D11:E11"/>
    <mergeCell ref="D12:E12"/>
    <mergeCell ref="F11:H11"/>
    <mergeCell ref="F12:H12"/>
    <mergeCell ref="B10:C12"/>
    <mergeCell ref="D10:H10"/>
    <mergeCell ref="D17:E17"/>
    <mergeCell ref="F17:H17"/>
    <mergeCell ref="B18:C18"/>
    <mergeCell ref="D18:E18"/>
    <mergeCell ref="F18:H18"/>
    <mergeCell ref="A44:A46"/>
    <mergeCell ref="B45:B46"/>
    <mergeCell ref="B13:C13"/>
    <mergeCell ref="D13:E13"/>
    <mergeCell ref="F13:H13"/>
    <mergeCell ref="B14:C14"/>
    <mergeCell ref="D14:E14"/>
    <mergeCell ref="F14:H14"/>
    <mergeCell ref="B15:C15"/>
    <mergeCell ref="D15:E15"/>
    <mergeCell ref="E72:H72"/>
    <mergeCell ref="A70:D71"/>
    <mergeCell ref="E70:H71"/>
    <mergeCell ref="G44:H44"/>
    <mergeCell ref="C44:D44"/>
    <mergeCell ref="A72:D72"/>
    <mergeCell ref="A10:A12"/>
    <mergeCell ref="A7:H7"/>
    <mergeCell ref="A5:H5"/>
    <mergeCell ref="A6:H6"/>
    <mergeCell ref="F15:H15"/>
    <mergeCell ref="B16:C16"/>
    <mergeCell ref="D16:E16"/>
    <mergeCell ref="F16:H16"/>
    <mergeCell ref="B17:C17"/>
    <mergeCell ref="G45:G46"/>
    <mergeCell ref="H45:H46"/>
    <mergeCell ref="B21:C21"/>
    <mergeCell ref="D21:E21"/>
    <mergeCell ref="F21:H21"/>
    <mergeCell ref="B22:C22"/>
    <mergeCell ref="D22:E22"/>
    <mergeCell ref="F22:H22"/>
    <mergeCell ref="F19:H19"/>
  </mergeCells>
  <printOptions horizontalCentered="1"/>
  <pageMargins left="0.19685039370078741" right="0.19685039370078741" top="0.59055118110236227" bottom="0.19685039370078741" header="0" footer="0"/>
  <pageSetup paperSize="9" scale="54" orientation="portrait" r:id="rId8"/>
  <headerFooter alignWithMargins="0"/>
  <drawing r:id="rId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3</vt:i4>
      </vt:variant>
    </vt:vector>
  </HeadingPairs>
  <TitlesOfParts>
    <vt:vector size="27"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2 - Saúde (Estados)'!Area_de_impressao</vt:lpstr>
      <vt:lpstr>'Anexo 13 - Despesas PPP'!Area_de_impressao</vt:lpstr>
      <vt:lpstr>'Anexo 14 - Simplificado'!Area_de_impressao</vt:lpstr>
      <vt:lpstr>'Anexo 2 - Função'!Area_de_impressao</vt:lpstr>
      <vt:lpstr>'Anexo 2.1 - Função - Intra'!Area_de_impressao</vt:lpstr>
      <vt:lpstr>'Anexo 3 - RCL Estados'!Area_de_impressao</vt:lpstr>
      <vt:lpstr>'Anexo 4 - RPPS Financeiro FR 40'!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5-12-14T13:27:39Z</cp:lastPrinted>
  <dcterms:created xsi:type="dcterms:W3CDTF">2004-08-09T19:29:24Z</dcterms:created>
  <dcterms:modified xsi:type="dcterms:W3CDTF">2015-12-14T13:49:50Z</dcterms:modified>
</cp:coreProperties>
</file>